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224-2023 ŠZM na liečbu rán preplachového systému podtlakovej terapie\03. Príprava\06. PTK - zamknúť!!!\01. Odoslané\"/>
    </mc:Choice>
  </mc:AlternateContent>
  <bookViews>
    <workbookView xWindow="0" yWindow="0" windowWidth="23040" windowHeight="9195"/>
  </bookViews>
  <sheets>
    <sheet name="PTK - Ponuka" sheetId="8" r:id="rId1"/>
  </sheets>
  <definedNames>
    <definedName name="_xlnm.Print_Area" localSheetId="0">'PTK - Ponuka'!$A$1:$F$16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4" uniqueCount="247">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1.1</t>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t>1.2</t>
  </si>
  <si>
    <t>1.3</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2.1</t>
  </si>
  <si>
    <t>2.2</t>
  </si>
  <si>
    <t>2.3</t>
  </si>
  <si>
    <t>2.4</t>
  </si>
  <si>
    <r>
      <t xml:space="preserve">V prípade, ak je to relevan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3.1</t>
  </si>
  <si>
    <t>3.2</t>
  </si>
  <si>
    <t>3.3</t>
  </si>
  <si>
    <t>3.4</t>
  </si>
  <si>
    <t>otvorený  sieťovaný  polyuretán,  hydrofóbny  hypoalergénny,  uľahčuje  vylučovanie exsudátu - materiál uvedie uchádzač</t>
  </si>
  <si>
    <t>veľkosť pórov od 400-800 mikrometrov</t>
  </si>
  <si>
    <t>účinná stimulácia granulačného procesu v rane</t>
  </si>
  <si>
    <t>1.4</t>
  </si>
  <si>
    <t>v terapeutickom  intervale sa v rane nesmie rozpadať ani doň  vrastať granulačné tkanivo</t>
  </si>
  <si>
    <t>1.5</t>
  </si>
  <si>
    <t>ľahká upraviteľnosť tvaru bežnými chirurgickými nástrojmi</t>
  </si>
  <si>
    <t>1.6</t>
  </si>
  <si>
    <t>veľkosť: obvyklá pre kategóriu M</t>
  </si>
  <si>
    <t>1.7</t>
  </si>
  <si>
    <t>veľkosť: obvyklá pre kategóriu L</t>
  </si>
  <si>
    <t>Položka č. 2 - Fóliové krytie</t>
  </si>
  <si>
    <t>špeciálna transparentná fólia pre zabránenie adhézií s orgánmi</t>
  </si>
  <si>
    <t>fólia z plastickej hmoty s lepiacou vrstvou, ochranná  vrstva na oboch stranách fólie</t>
  </si>
  <si>
    <t>dokonalé krytie polyuretánovej peny s kožou a nepriedušnosť  systému</t>
  </si>
  <si>
    <t>v terapeutickom intervale nesmie vyvolávať žiadne kožné reakcie a alergie</t>
  </si>
  <si>
    <t>Položka č. 3 - Fóliové krytie</t>
  </si>
  <si>
    <t>dostatočný  priemer  na  drenáž  exsudátu  z  rany,  materiál  by  nemal  spôsobovať zrážanie krvi</t>
  </si>
  <si>
    <t>meranie podtlaku v rane v spolupráci s prístrojom</t>
  </si>
  <si>
    <t>ľahká a opakovaná rozpojiteľnosť prepojovacieho konektoru so zbernou nádobou</t>
  </si>
  <si>
    <t>elasticita a malé rozmery portu, minimálna možnosť vzniku dekubitu z portu, port plochý 2-cestný s automatickým prefukom z flexibilného silikónu</t>
  </si>
  <si>
    <t>3.5</t>
  </si>
  <si>
    <t>systém znemožňujúci upchatie odvodnej hadičky</t>
  </si>
  <si>
    <t>3.6</t>
  </si>
  <si>
    <t>v  spojení s prístrojom  detekcia a signalizácia upchatia, zalomenia, stlačenia hadičky a netesnosti v systéme</t>
  </si>
  <si>
    <t>Položka č. 4 - Kazeta</t>
  </si>
  <si>
    <t>4.1</t>
  </si>
  <si>
    <t>kazeta na uchovávanie a dodávku roztoku prepájajúca liečebnú jednotku s roztokom a hadičkami krytia</t>
  </si>
  <si>
    <t>Položka č. 5 - Y konektor</t>
  </si>
  <si>
    <t>5.1</t>
  </si>
  <si>
    <t>Y konektor na prepojenie dvoch portov, plne kompatibilný s portom</t>
  </si>
  <si>
    <t>Položka č. 6 - Terčík</t>
  </si>
  <si>
    <t>6.1</t>
  </si>
  <si>
    <t>terčík s hadičkou dostupný aj v samostatnom balení</t>
  </si>
  <si>
    <t>Položka č. 7 - Zberná nádoba</t>
  </si>
  <si>
    <t>7.1</t>
  </si>
  <si>
    <t>v spojení s prístrojom detekcia a signalizácia kompletného naplnenia zbernej nádoby</t>
  </si>
  <si>
    <t>7.2</t>
  </si>
  <si>
    <t>jednoduché pripojenie na prístroj pre podtlakovú liečbu</t>
  </si>
  <si>
    <t>7.3</t>
  </si>
  <si>
    <t>určená na jednorazové použitie</t>
  </si>
  <si>
    <t>7.4</t>
  </si>
  <si>
    <t>veľkosť zbernej nádoby - väčšia o objeme nad 501 -1000 ml</t>
  </si>
  <si>
    <t>Položka č. 8 - Prístroj (odsávacie zariadenie)</t>
  </si>
  <si>
    <t>8.1</t>
  </si>
  <si>
    <t>prenájom prístrojov v počte 2 kusy</t>
  </si>
  <si>
    <t>8.2</t>
  </si>
  <si>
    <t>nové, nepoužívané, nerepasované  mobilné odsávacie zariadenia určené na liečbu rán podtlakovou terapiou s instiláciou vrátane poskytovania služieb údržby, poistenia a servisných služieb k zariadeniam po dobu trvania zmluvného vzťahu</t>
  </si>
  <si>
    <t>8.3</t>
  </si>
  <si>
    <t>univerzálny systém podtlakovej liečby s instiláciou t. j. rovnaký prístroj s príslušnými kanistrami musí byť použiteľný aj v stacionárnom (možnosť pripevnenia k lôžku alebo k infúznemu stojanu), aj prenosnom režime práce</t>
  </si>
  <si>
    <t>8.4</t>
  </si>
  <si>
    <t>automatická podtlaková terapia v spojení s riadenou dodávkou roztoku do rany a odsávaním tekutiny pre lokálnu irigáciu rany v lôžku rany bez nutnosti odstraňovať krytie s možnosťou nastavenia roztoku, dĺžky zaplavenia a dĺžky odsávania</t>
  </si>
  <si>
    <t>8.5</t>
  </si>
  <si>
    <t>mobilné použitie podmienené nezávislosťou na prívode elektrického prúdu</t>
  </si>
  <si>
    <t>8.6</t>
  </si>
  <si>
    <t>automatická regulácia intenzity sania</t>
  </si>
  <si>
    <t>8.7</t>
  </si>
  <si>
    <t>detekované alarmom - vybitie batérie, netesnosť, plnosť nádoby</t>
  </si>
  <si>
    <t>8.8</t>
  </si>
  <si>
    <t>režim podtlaku kontinuálny aj prerušovaný režim práce prístroja (pri prerušovanom režime variabilné nastavenie časových intervalov a hodnoty podtlaku)</t>
  </si>
  <si>
    <t>8.9</t>
  </si>
  <si>
    <t>batéria - výdrž bez dobitia min. 7 hodín</t>
  </si>
  <si>
    <t>8.10</t>
  </si>
  <si>
    <t>nastavenie rozsahu podtlaku - od 20 – 150 mm Hg a viac</t>
  </si>
  <si>
    <t>8.11</t>
  </si>
  <si>
    <t>Dodávateľ   prenajatých   zariadení      v   cene   prenájmu   zabezpečí   pre   objednávateľa nasledovné služby:</t>
  </si>
  <si>
    <t>8.11.1</t>
  </si>
  <si>
    <t>doprava zariadení na miesto plnenia, manipuláciu z vozidla do a v rámci budovy, vybalenie, odber a likvidácia obalov</t>
  </si>
  <si>
    <t>8.11.2</t>
  </si>
  <si>
    <t>inštalácia prenajatých zariadení na mieste plnenia vrátane spustenia do prevádzky a ich nastavenia, ktoré zahŕňa prácu technika v mieste inštalácie zariadenia a cestovných nákladov technika</t>
  </si>
  <si>
    <t>8.11.3</t>
  </si>
  <si>
    <t>poskytovanie  telefonických  alebo  on-line  konzultácií  týkajúcich  sa  prenajatých zariadení vyškolenými pracovníkmi dodávateľa</t>
  </si>
  <si>
    <t>8.11.4</t>
  </si>
  <si>
    <t>zaškolenie min. 2 pracovníkov objednávateľa o správnom používaní a obsluhe zariadení na mieste inštalácie zariadení</t>
  </si>
  <si>
    <t>8.11.5</t>
  </si>
  <si>
    <t>udržiavanie zariadení v prevádzkyschopnom stave vrátane údržby po opotrebovaní jednotlivých častí zariadení zahŕňajúca prácu servisného technika pri lokalizácii a odstránení poruchy zariadenia v mieste inštalácie zariadenia a cestovné náklady technika</t>
  </si>
  <si>
    <t>8.11.6</t>
  </si>
  <si>
    <t>pravidelná údržba zariadení v termínoch a rozsahu stanovenom výrobcom zariadení</t>
  </si>
  <si>
    <t>8.11.7</t>
  </si>
  <si>
    <t>pravidelne profylaktické prehliadky 1x za 12 mesiacov</t>
  </si>
  <si>
    <t>8.11.8</t>
  </si>
  <si>
    <t>minimálna bezplatná kalibrácia 1x za 24 mesiacov</t>
  </si>
  <si>
    <t>8.11.9</t>
  </si>
  <si>
    <t>servis pri poruche zariadení v mieste inštalácie tohto zariadenia, a to najmä vykonanie opráv, dodávky a montáže originálnych náhradných dielov v prípade potreby ich výmeny z dôvodu ich vady alebo opotrebovania s termínom vykonania opravy do 48 hodín od jej nahlásenia</t>
  </si>
  <si>
    <t>8.11.10</t>
  </si>
  <si>
    <t>poskytnutie náhradného zariadenia s rovnakými alebo lepšími technickými parametrami počas vykonania opravy  v prípadoch, ak  oprava poruchy zariadenia presiahne 2 dni a to počas celej doby, ktorej bude zariadenie v oprave</t>
  </si>
  <si>
    <t>Položka č. 1 - Penové krytie</t>
  </si>
  <si>
    <t>ŠZM na liečbu rán preplachového systému podtlakovej terapie</t>
  </si>
  <si>
    <t>Špeciálny zdravotnícky materiál na podtlakovú terapiu - krytie na rany M, krytie na rany L, zberná nádoba s väčším objemom, kazeta, konektor  (kompatibilný s prenajatým odsávacím zariadením na liečbu rán podtlakovou terapiou s instiláciou), terčík.</t>
  </si>
  <si>
    <r>
      <t xml:space="preserve">Požadované minimálne osobitné požiadavky na predmet zákazky a doklady:
</t>
    </r>
    <r>
      <rPr>
        <i/>
        <sz val="10"/>
        <color rgb="FFFF0000"/>
        <rFont val="Arial"/>
        <family val="2"/>
        <charset val="238"/>
      </rPr>
      <t>(uchádzač bude predkladať v ponuke v súťaži, pokiaľ nie je uvedené inak)</t>
    </r>
  </si>
  <si>
    <t>Položka č. 2</t>
  </si>
  <si>
    <t>Položka č. 3</t>
  </si>
  <si>
    <t>Položka č. 4</t>
  </si>
  <si>
    <t>Položka č. 5</t>
  </si>
  <si>
    <t>Položka č. 6</t>
  </si>
  <si>
    <t>Položka č. 7</t>
  </si>
  <si>
    <t>Položka č. 8</t>
  </si>
  <si>
    <t>Požadovaný počet MJ za zmluvné obdobie 12 mesiacov</t>
  </si>
  <si>
    <t>Penové krytie</t>
  </si>
  <si>
    <t>Fóliové krytie</t>
  </si>
  <si>
    <t>Port s hadičkou</t>
  </si>
  <si>
    <t>Kazeta</t>
  </si>
  <si>
    <t>Y konektor</t>
  </si>
  <si>
    <t>Terčík</t>
  </si>
  <si>
    <t>Zberná nádoba</t>
  </si>
  <si>
    <t>Prístroj (odsávacie zariadenie)</t>
  </si>
  <si>
    <t>33140000-3 Zdravotnícky spotrebný materiál</t>
  </si>
  <si>
    <t>33141110-4 Chirurgické obväzy</t>
  </si>
  <si>
    <t>33141600-6 Zberače a zberné vaky, drenáže a súpravy</t>
  </si>
  <si>
    <t>33155000-1 Prístroje na fyzikálnu terapiu</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5.</t>
  </si>
  <si>
    <t>6.</t>
  </si>
  <si>
    <t>7.</t>
  </si>
  <si>
    <t>8.</t>
  </si>
  <si>
    <t>9.</t>
  </si>
  <si>
    <t>10.</t>
  </si>
  <si>
    <t>11.</t>
  </si>
  <si>
    <t>12.</t>
  </si>
  <si>
    <t>13.</t>
  </si>
  <si>
    <t>14.</t>
  </si>
  <si>
    <t>15.</t>
  </si>
  <si>
    <t>16.</t>
  </si>
  <si>
    <t>17.</t>
  </si>
  <si>
    <t>18.</t>
  </si>
  <si>
    <t>Požaduje sa uzatvorenie Rámcovej dohody zahŕňajúcej prenájom prístrojov, a to na dohodnuté zmluvné obdobie 12 kalendárnych mesiacov, resp. do doby naplnenia zmluvného finančného objemu podľa toho, ktorá z uvedených skutočností nastane skôr.</t>
  </si>
  <si>
    <t>Požaduje sa dodanie tovaru s minimálnou dobou použiteľnosti (resp. exspirácie) 24 kalendárnych mesiacov odo dňa jeho dodania Objednávateľovi.</t>
  </si>
  <si>
    <t>Požaduje sa, aby bol Dodávateľ výlučným vlastníkom prístrojov a bol oprávnený s prístrojmi nakladať.</t>
  </si>
  <si>
    <t>Prevzatie dodaného prístroja Objednávateľ Dodávateľovi písomne potvrdí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t>
  </si>
  <si>
    <t>Súčasťou dodania prístroja a/alebo dohodnutých služieb je aj povinnosť Dodávateľa odovzdať Objednávateľovi:
- zoznam a kontaktné údaje servisných stredísk Dodávateľa,
- kontaktné údaje na Klientske pracovisko Dodávateľa - tzv. "Hotline", "Helpdesk", "Call centrum...".</t>
  </si>
  <si>
    <t>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t>
  </si>
  <si>
    <t>oprava vady, pri ktorej nie je potrebná dodávka náhradného dielu najneskôr do 48 hodín,</t>
  </si>
  <si>
    <t>Dodávateľ je povinný počas trvania zmluvného vzťahu odstrániť vady prístroja v nasledujúcich lehotách od nahlásenia vady:</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 je Dodávateľ povinný poskytnúť Objednávateľovi náhradný prístroj s rovnakými alebo lepšími parametrami.</t>
  </si>
  <si>
    <t>Požaduje sa poskytovanie bezplatných telefonických alebo on-line konzultácií týkajúcich sa používania prístrojov vyškolenými zamestnancami Dodávateľa.</t>
  </si>
  <si>
    <t>Požaduje sa dodanie prístrojov do 30 kalendárnych dní odo dňa nadobudnutia účinnosti Rámcovej dohody, a to na náklady Dodávateľa na dohodnuté miesto dodania.</t>
  </si>
  <si>
    <t>Požaduje sa dodanie nových, nerepasovaných a nepoužitých prístrojov, kompatibilných s požadovaným tovarom. Požaduje sa zabezpečenie inštalácie prístroja u Objednávateľa na náklady Dodávateľa najneskôr do 5 kalendárnych dní odo dňa dodania. Tým nie je dotknutá možnosť súčasného dodania a inštalácie prístroja v ten istý deň. Presný dátum dodania a inštalácie je Dodávateľ povinný oznámiť Objednávateľovi najmenej 3 kalendárne dni vopred. Objednávateľ sa zaväzuje poskytnúť Dodávateľovi potrebnú súčinnosť pri dodaní a inštalácii prístroja.</t>
  </si>
  <si>
    <t>Súčasťou záväzku Dodávateľa je zároveň poskytnutie písomných dokladov potrebných pre riadne a bezchybné použitie prístroja na stanovený účel, a to najmä, no nie len výlučne: návod na použitie prístroja v slovenskom alebo českom jazyku, Vyhlásenie o zhode, preberací (akceptačný) protokol, inštalačný protokol, protokol o zaškolení zamestnancov Objednávateľa s obsluhou prístroja.</t>
  </si>
  <si>
    <t>19.</t>
  </si>
  <si>
    <t>20.</t>
  </si>
  <si>
    <t>21.</t>
  </si>
  <si>
    <t>22.</t>
  </si>
  <si>
    <t>23.</t>
  </si>
  <si>
    <t>24.</t>
  </si>
  <si>
    <t>17.1</t>
  </si>
  <si>
    <t>17.2</t>
  </si>
  <si>
    <t>25.</t>
  </si>
  <si>
    <t>26.</t>
  </si>
  <si>
    <t>27.</t>
  </si>
  <si>
    <t>28.</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25">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52">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Fill="1" applyBorder="1" applyAlignment="1" applyProtection="1">
      <alignment horizontal="center" vertical="center" wrapText="1"/>
    </xf>
    <xf numFmtId="0" fontId="3" fillId="6" borderId="8" xfId="0" applyFont="1" applyFill="1" applyBorder="1" applyAlignment="1" applyProtection="1">
      <alignment horizontal="left" vertical="center" wrapText="1"/>
    </xf>
    <xf numFmtId="49" fontId="2" fillId="6" borderId="9" xfId="0" applyNumberFormat="1" applyFont="1" applyFill="1" applyBorder="1" applyAlignment="1" applyProtection="1">
      <alignment horizontal="center" vertical="center" wrapText="1"/>
    </xf>
    <xf numFmtId="0" fontId="2" fillId="6" borderId="16" xfId="0" applyFont="1" applyFill="1" applyBorder="1" applyAlignment="1" applyProtection="1">
      <alignment horizontal="left" vertical="center" wrapText="1"/>
    </xf>
    <xf numFmtId="0" fontId="2" fillId="0" borderId="13" xfId="0" applyNumberFormat="1" applyFont="1" applyBorder="1" applyAlignment="1" applyProtection="1">
      <alignment horizontal="center" vertical="center" wrapText="1"/>
      <protection locked="0"/>
    </xf>
    <xf numFmtId="0" fontId="2" fillId="6" borderId="13" xfId="0" applyFont="1" applyFill="1" applyBorder="1" applyAlignment="1" applyProtection="1">
      <alignment horizontal="left" vertical="top" wrapText="1"/>
    </xf>
    <xf numFmtId="0" fontId="2" fillId="0" borderId="16" xfId="0" applyNumberFormat="1" applyFont="1" applyBorder="1" applyAlignment="1" applyProtection="1">
      <alignment horizontal="center" vertical="center" wrapText="1"/>
      <protection locked="0"/>
    </xf>
    <xf numFmtId="49" fontId="2" fillId="0" borderId="6" xfId="0" applyNumberFormat="1" applyFont="1" applyBorder="1" applyAlignment="1" applyProtection="1">
      <alignment horizontal="right" vertical="center"/>
    </xf>
    <xf numFmtId="49" fontId="2" fillId="0" borderId="9" xfId="0" applyNumberFormat="1" applyFont="1" applyBorder="1" applyAlignment="1" applyProtection="1">
      <alignment horizontal="right" vertical="center"/>
    </xf>
    <xf numFmtId="3" fontId="4" fillId="6" borderId="8" xfId="0" applyNumberFormat="1" applyFont="1" applyFill="1" applyBorder="1" applyAlignment="1" applyProtection="1">
      <alignment horizontal="center" vertical="center" wrapText="1"/>
      <protection locked="0"/>
    </xf>
    <xf numFmtId="0" fontId="7" fillId="0" borderId="0" xfId="5" applyFont="1" applyAlignment="1" applyProtection="1">
      <alignment horizontal="center"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49" fontId="3" fillId="0" borderId="0" xfId="0" applyNumberFormat="1" applyFont="1" applyFill="1" applyAlignment="1" applyProtection="1">
      <alignment horizontal="left" vertical="center"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5" fillId="5" borderId="15" xfId="0" applyNumberFormat="1" applyFont="1" applyFill="1" applyBorder="1" applyAlignment="1" applyProtection="1">
      <alignment horizontal="left" vertical="center" wrapText="1"/>
    </xf>
    <xf numFmtId="49" fontId="5" fillId="5" borderId="6" xfId="0" applyNumberFormat="1" applyFont="1" applyFill="1" applyBorder="1" applyAlignment="1" applyProtection="1">
      <alignment horizontal="left" vertical="center" wrapText="1"/>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49" fontId="2" fillId="0" borderId="16" xfId="0" applyNumberFormat="1" applyFont="1" applyBorder="1" applyAlignment="1" applyProtection="1">
      <alignment horizontal="left" vertical="center" wrapText="1"/>
      <protection locked="0"/>
    </xf>
    <xf numFmtId="49" fontId="2" fillId="0" borderId="17" xfId="0" applyNumberFormat="1" applyFont="1" applyBorder="1" applyAlignment="1" applyProtection="1">
      <alignment horizontal="left" vertical="center"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49" fontId="4" fillId="2" borderId="20" xfId="0" applyNumberFormat="1" applyFont="1" applyFill="1" applyBorder="1" applyAlignment="1" applyProtection="1">
      <alignment horizontal="center" vertical="center"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49" fontId="5" fillId="5" borderId="8" xfId="0" applyNumberFormat="1" applyFont="1" applyFill="1" applyBorder="1" applyAlignment="1" applyProtection="1">
      <alignment horizontal="left" vertical="center" wrapText="1"/>
    </xf>
    <xf numFmtId="0" fontId="2" fillId="0" borderId="8" xfId="0" applyFont="1" applyBorder="1" applyAlignment="1" applyProtection="1">
      <alignment horizontal="left" vertical="center" wrapText="1"/>
    </xf>
    <xf numFmtId="49" fontId="4" fillId="0" borderId="8" xfId="0" applyNumberFormat="1" applyFont="1" applyBorder="1" applyAlignment="1" applyProtection="1">
      <alignment horizontal="left" vertical="center" wrapText="1"/>
    </xf>
    <xf numFmtId="49" fontId="4" fillId="0" borderId="8" xfId="0" applyNumberFormat="1" applyFont="1" applyFill="1" applyBorder="1" applyAlignment="1" applyProtection="1">
      <alignment horizontal="left" vertical="center" wrapText="1"/>
    </xf>
    <xf numFmtId="0" fontId="2" fillId="0" borderId="8" xfId="0" applyFont="1" applyBorder="1" applyAlignment="1" applyProtection="1">
      <alignment vertical="center" wrapText="1"/>
    </xf>
    <xf numFmtId="49" fontId="5" fillId="5" borderId="16" xfId="0" applyNumberFormat="1" applyFont="1" applyFill="1" applyBorder="1" applyAlignment="1" applyProtection="1">
      <alignment horizontal="left" vertical="center" wrapText="1"/>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49" fontId="2" fillId="2" borderId="20" xfId="0" applyNumberFormat="1" applyFont="1" applyFill="1" applyBorder="1" applyAlignment="1" applyProtection="1">
      <alignment horizontal="center" vertical="center"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2" fillId="6" borderId="6" xfId="0" applyNumberFormat="1" applyFont="1" applyFill="1" applyBorder="1" applyAlignment="1" applyProtection="1">
      <alignment horizontal="center" vertical="center" wrapText="1"/>
    </xf>
    <xf numFmtId="0" fontId="4" fillId="6" borderId="0" xfId="0" applyFont="1" applyFill="1" applyAlignment="1" applyProtection="1">
      <alignment horizontal="left" vertical="center" wrapText="1"/>
      <protection locked="0"/>
    </xf>
    <xf numFmtId="0" fontId="4" fillId="6" borderId="0" xfId="0" applyFont="1" applyFill="1" applyAlignment="1" applyProtection="1">
      <alignment horizontal="left" vertical="center"/>
      <protection locked="0"/>
    </xf>
    <xf numFmtId="0" fontId="4" fillId="6" borderId="0" xfId="0" applyFont="1" applyFill="1" applyAlignment="1" applyProtection="1">
      <alignment horizontal="left" vertical="top" wrapText="1"/>
      <protection locked="0"/>
    </xf>
    <xf numFmtId="0" fontId="7" fillId="0" borderId="0" xfId="0" applyFont="1" applyAlignment="1" applyProtection="1">
      <alignment horizontal="justify" vertical="center"/>
      <protection locked="0"/>
    </xf>
    <xf numFmtId="0" fontId="2" fillId="6" borderId="0" xfId="0" applyFont="1" applyFill="1" applyAlignment="1" applyProtection="1">
      <alignment horizontal="left" vertical="center"/>
      <protection locked="0"/>
    </xf>
    <xf numFmtId="0" fontId="4" fillId="0" borderId="8" xfId="0" applyFont="1" applyFill="1" applyBorder="1" applyAlignment="1" applyProtection="1">
      <alignment horizontal="left" vertical="center" wrapText="1"/>
    </xf>
    <xf numFmtId="0" fontId="4" fillId="0" borderId="8" xfId="0" applyFont="1" applyFill="1" applyBorder="1" applyAlignment="1" applyProtection="1">
      <alignment horizontal="left" vertical="center"/>
    </xf>
    <xf numFmtId="0" fontId="4" fillId="0" borderId="8" xfId="0" applyFont="1" applyFill="1" applyBorder="1" applyAlignment="1" applyProtection="1">
      <alignment vertical="center" wrapText="1"/>
    </xf>
    <xf numFmtId="0" fontId="4" fillId="0" borderId="13" xfId="0" applyFont="1" applyFill="1" applyBorder="1" applyAlignment="1" applyProtection="1">
      <alignment vertical="center" wrapText="1"/>
    </xf>
    <xf numFmtId="0" fontId="4" fillId="0" borderId="16" xfId="0" applyFont="1" applyFill="1" applyBorder="1" applyAlignment="1" applyProtection="1">
      <alignment vertical="center" wrapText="1"/>
    </xf>
    <xf numFmtId="49" fontId="2" fillId="0" borderId="6" xfId="0" applyNumberFormat="1" applyFont="1" applyFill="1" applyBorder="1" applyAlignment="1" applyProtection="1">
      <alignment horizontal="right" vertical="center" wrapText="1"/>
    </xf>
    <xf numFmtId="0" fontId="4" fillId="6" borderId="8" xfId="0" applyFont="1" applyFill="1" applyBorder="1" applyAlignment="1" applyProtection="1">
      <alignment vertical="center" wrapText="1"/>
    </xf>
    <xf numFmtId="49" fontId="2" fillId="0" borderId="9" xfId="0" applyNumberFormat="1" applyFont="1" applyFill="1" applyBorder="1" applyAlignment="1" applyProtection="1">
      <alignment horizontal="center"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5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0</xdr:row>
          <xdr:rowOff>9525</xdr:rowOff>
        </xdr:from>
        <xdr:to>
          <xdr:col>1</xdr:col>
          <xdr:colOff>885825</xdr:colOff>
          <xdr:row>4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1</xdr:row>
          <xdr:rowOff>0</xdr:rowOff>
        </xdr:from>
        <xdr:to>
          <xdr:col>1</xdr:col>
          <xdr:colOff>885825</xdr:colOff>
          <xdr:row>4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83"/>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4" customWidth="1"/>
    <col min="5" max="5" width="13.7109375" style="24" customWidth="1"/>
    <col min="6" max="6" width="19.7109375" style="16" customWidth="1"/>
    <col min="7" max="7" width="17.140625" style="11" customWidth="1"/>
    <col min="8" max="8" width="9.140625" style="11"/>
    <col min="9" max="9" width="9.140625" style="11" customWidth="1"/>
    <col min="10" max="16384" width="9.140625" style="11"/>
  </cols>
  <sheetData>
    <row r="1" spans="1:6" ht="24" customHeight="1" x14ac:dyDescent="0.2">
      <c r="B1" s="88" t="s">
        <v>43</v>
      </c>
      <c r="C1" s="88"/>
      <c r="D1" s="88"/>
      <c r="E1" s="88"/>
      <c r="F1" s="88"/>
    </row>
    <row r="2" spans="1:6" s="12" customFormat="1" ht="27.75" customHeight="1" x14ac:dyDescent="0.2">
      <c r="B2" s="87" t="s">
        <v>41</v>
      </c>
      <c r="C2" s="87"/>
      <c r="D2" s="87"/>
      <c r="E2" s="87"/>
      <c r="F2" s="87"/>
    </row>
    <row r="3" spans="1:6" s="12" customFormat="1" ht="54.75" customHeight="1" x14ac:dyDescent="0.2">
      <c r="B3" s="94" t="s">
        <v>46</v>
      </c>
      <c r="C3" s="94"/>
      <c r="D3" s="94"/>
      <c r="E3" s="94"/>
      <c r="F3" s="94"/>
    </row>
    <row r="4" spans="1:6" ht="24.95" customHeight="1" x14ac:dyDescent="0.2">
      <c r="B4" s="13" t="s">
        <v>45</v>
      </c>
      <c r="C4" s="14"/>
      <c r="D4" s="67"/>
      <c r="E4" s="67"/>
      <c r="F4" s="67"/>
    </row>
    <row r="5" spans="1:6" ht="24.95" customHeight="1" x14ac:dyDescent="0.2">
      <c r="B5" s="13" t="s">
        <v>44</v>
      </c>
      <c r="C5" s="15"/>
      <c r="D5" s="67"/>
      <c r="E5" s="67"/>
      <c r="F5" s="67"/>
    </row>
    <row r="6" spans="1:6" ht="5.0999999999999996" customHeight="1" x14ac:dyDescent="0.2">
      <c r="B6" s="67"/>
      <c r="C6" s="67"/>
      <c r="D6" s="67"/>
      <c r="E6" s="67"/>
      <c r="F6" s="67"/>
    </row>
    <row r="7" spans="1:6" s="16" customFormat="1" ht="20.100000000000001" customHeight="1" x14ac:dyDescent="0.25">
      <c r="B7" s="91" t="s">
        <v>5</v>
      </c>
      <c r="C7" s="91"/>
      <c r="D7" s="91"/>
      <c r="E7" s="91"/>
      <c r="F7" s="91"/>
    </row>
    <row r="8" spans="1:6" s="16" customFormat="1" ht="20.100000000000001" customHeight="1" x14ac:dyDescent="0.25">
      <c r="B8" s="97" t="s">
        <v>9</v>
      </c>
      <c r="C8" s="97"/>
      <c r="D8" s="97"/>
      <c r="E8" s="97"/>
      <c r="F8" s="97"/>
    </row>
    <row r="9" spans="1:6" ht="28.5" customHeight="1" x14ac:dyDescent="0.2">
      <c r="B9" s="98" t="s">
        <v>164</v>
      </c>
      <c r="C9" s="98"/>
      <c r="D9" s="98"/>
      <c r="E9" s="98"/>
      <c r="F9" s="98"/>
    </row>
    <row r="10" spans="1:6" ht="4.5" customHeight="1" x14ac:dyDescent="0.2">
      <c r="B10" s="17"/>
      <c r="C10" s="17"/>
      <c r="D10" s="17"/>
      <c r="E10" s="17"/>
      <c r="F10" s="17"/>
    </row>
    <row r="11" spans="1:6" s="16" customFormat="1" ht="19.5" customHeight="1" x14ac:dyDescent="0.25">
      <c r="B11" s="99" t="s">
        <v>10</v>
      </c>
      <c r="C11" s="99"/>
      <c r="D11" s="99"/>
      <c r="E11" s="99"/>
      <c r="F11" s="99"/>
    </row>
    <row r="12" spans="1:6" s="16" customFormat="1" ht="20.100000000000001" customHeight="1" x14ac:dyDescent="0.25">
      <c r="B12" s="139" t="s">
        <v>183</v>
      </c>
      <c r="C12" s="139"/>
      <c r="D12" s="139"/>
      <c r="E12" s="66"/>
      <c r="F12" s="66"/>
    </row>
    <row r="13" spans="1:6" s="16" customFormat="1" ht="20.100000000000001" customHeight="1" x14ac:dyDescent="0.25">
      <c r="B13" s="139" t="s">
        <v>184</v>
      </c>
      <c r="C13" s="140"/>
      <c r="D13" s="141"/>
      <c r="E13" s="66"/>
      <c r="F13" s="66"/>
    </row>
    <row r="14" spans="1:6" s="16" customFormat="1" ht="20.100000000000001" customHeight="1" x14ac:dyDescent="0.25">
      <c r="B14" s="139" t="s">
        <v>185</v>
      </c>
      <c r="C14" s="139"/>
      <c r="D14" s="141"/>
      <c r="E14" s="66"/>
      <c r="F14" s="66"/>
    </row>
    <row r="15" spans="1:6" s="16" customFormat="1" ht="20.100000000000001" customHeight="1" x14ac:dyDescent="0.25">
      <c r="A15" s="142"/>
      <c r="B15" s="143" t="s">
        <v>186</v>
      </c>
      <c r="C15" s="143"/>
      <c r="D15" s="141"/>
      <c r="E15" s="66"/>
      <c r="F15" s="66"/>
    </row>
    <row r="16" spans="1:6" s="23" customFormat="1" ht="20.100000000000001" customHeight="1" x14ac:dyDescent="0.25">
      <c r="B16" s="139" t="s">
        <v>61</v>
      </c>
      <c r="C16" s="139"/>
      <c r="D16" s="139"/>
      <c r="E16" s="21"/>
      <c r="F16" s="22"/>
    </row>
    <row r="17" spans="2:6" ht="4.5" customHeight="1" x14ac:dyDescent="0.2">
      <c r="B17" s="65"/>
      <c r="C17" s="65"/>
      <c r="D17" s="65"/>
      <c r="E17" s="17"/>
      <c r="F17" s="17"/>
    </row>
    <row r="18" spans="2:6" ht="20.100000000000001" customHeight="1" x14ac:dyDescent="0.2">
      <c r="B18" s="18" t="s">
        <v>11</v>
      </c>
      <c r="C18" s="19"/>
      <c r="D18" s="19"/>
      <c r="E18" s="20"/>
      <c r="F18" s="20"/>
    </row>
    <row r="19" spans="2:6" s="23" customFormat="1" ht="24.95" customHeight="1" x14ac:dyDescent="0.25">
      <c r="B19" s="92" t="s">
        <v>53</v>
      </c>
      <c r="C19" s="92"/>
      <c r="D19" s="92"/>
      <c r="E19" s="21"/>
      <c r="F19" s="22"/>
    </row>
    <row r="20" spans="2:6" ht="5.0999999999999996" customHeight="1" x14ac:dyDescent="0.2">
      <c r="B20" s="93"/>
      <c r="C20" s="93"/>
      <c r="D20" s="93"/>
      <c r="F20" s="25"/>
    </row>
    <row r="21" spans="2:6" s="16" customFormat="1" ht="20.100000000000001" customHeight="1" x14ac:dyDescent="0.25">
      <c r="B21" s="91" t="s">
        <v>23</v>
      </c>
      <c r="C21" s="91"/>
      <c r="D21" s="91"/>
      <c r="E21" s="91"/>
      <c r="F21" s="91"/>
    </row>
    <row r="22" spans="2:6" ht="51" customHeight="1" x14ac:dyDescent="0.2">
      <c r="B22" s="100" t="s">
        <v>165</v>
      </c>
      <c r="C22" s="100"/>
      <c r="D22" s="100"/>
      <c r="E22" s="100"/>
      <c r="F22" s="100"/>
    </row>
    <row r="23" spans="2:6" ht="5.0999999999999996" customHeight="1" x14ac:dyDescent="0.2">
      <c r="B23" s="93"/>
      <c r="C23" s="93"/>
      <c r="D23" s="93"/>
      <c r="F23" s="25"/>
    </row>
    <row r="24" spans="2:6" s="16" customFormat="1" ht="20.100000000000001" customHeight="1" x14ac:dyDescent="0.25">
      <c r="B24" s="91" t="s">
        <v>24</v>
      </c>
      <c r="C24" s="91"/>
      <c r="D24" s="91"/>
      <c r="E24" s="91"/>
      <c r="F24" s="91"/>
    </row>
    <row r="25" spans="2:6" s="26" customFormat="1" ht="20.100000000000001" customHeight="1" x14ac:dyDescent="0.25">
      <c r="B25" s="71" t="s">
        <v>6</v>
      </c>
      <c r="C25" s="71"/>
      <c r="D25" s="71"/>
      <c r="E25" s="71"/>
      <c r="F25" s="71"/>
    </row>
    <row r="26" spans="2:6" s="26" customFormat="1" ht="20.100000000000001" customHeight="1" x14ac:dyDescent="0.25">
      <c r="B26" s="81" t="s">
        <v>17</v>
      </c>
      <c r="C26" s="82"/>
      <c r="D26" s="68"/>
      <c r="E26" s="68"/>
      <c r="F26" s="68"/>
    </row>
    <row r="27" spans="2:6" s="26" customFormat="1" ht="20.100000000000001" customHeight="1" x14ac:dyDescent="0.25">
      <c r="B27" s="27"/>
      <c r="C27" s="27" t="s">
        <v>21</v>
      </c>
      <c r="D27" s="68"/>
      <c r="E27" s="68"/>
      <c r="F27" s="68"/>
    </row>
    <row r="28" spans="2:6" s="26" customFormat="1" ht="20.100000000000001" customHeight="1" x14ac:dyDescent="0.25">
      <c r="B28" s="27"/>
      <c r="C28" s="27" t="s">
        <v>22</v>
      </c>
      <c r="D28" s="68"/>
      <c r="E28" s="68"/>
      <c r="F28" s="68"/>
    </row>
    <row r="29" spans="2:6" s="26" customFormat="1" ht="20.100000000000001" customHeight="1" x14ac:dyDescent="0.25">
      <c r="B29" s="81" t="s">
        <v>18</v>
      </c>
      <c r="C29" s="82"/>
      <c r="D29" s="68"/>
      <c r="E29" s="68"/>
      <c r="F29" s="68"/>
    </row>
    <row r="30" spans="2:6" s="26" customFormat="1" ht="40.5" customHeight="1" x14ac:dyDescent="0.25">
      <c r="B30" s="28" t="s">
        <v>19</v>
      </c>
      <c r="C30" s="72" t="s">
        <v>13</v>
      </c>
      <c r="D30" s="73"/>
      <c r="E30" s="29" t="s">
        <v>12</v>
      </c>
      <c r="F30" s="29" t="s">
        <v>174</v>
      </c>
    </row>
    <row r="31" spans="2:6" s="26" customFormat="1" ht="24.95" customHeight="1" x14ac:dyDescent="0.25">
      <c r="B31" s="30" t="s">
        <v>2</v>
      </c>
      <c r="C31" s="69" t="s">
        <v>175</v>
      </c>
      <c r="D31" s="70"/>
      <c r="E31" s="31" t="s">
        <v>1</v>
      </c>
      <c r="F31" s="63">
        <v>3</v>
      </c>
    </row>
    <row r="32" spans="2:6" s="26" customFormat="1" ht="24.95" customHeight="1" x14ac:dyDescent="0.25">
      <c r="B32" s="30" t="s">
        <v>167</v>
      </c>
      <c r="C32" s="69" t="s">
        <v>176</v>
      </c>
      <c r="D32" s="70"/>
      <c r="E32" s="31" t="s">
        <v>1</v>
      </c>
      <c r="F32" s="63">
        <v>3</v>
      </c>
    </row>
    <row r="33" spans="2:7" s="26" customFormat="1" ht="24.95" customHeight="1" x14ac:dyDescent="0.25">
      <c r="B33" s="30" t="s">
        <v>168</v>
      </c>
      <c r="C33" s="69" t="s">
        <v>177</v>
      </c>
      <c r="D33" s="70"/>
      <c r="E33" s="31" t="s">
        <v>1</v>
      </c>
      <c r="F33" s="63">
        <v>3</v>
      </c>
    </row>
    <row r="34" spans="2:7" s="26" customFormat="1" ht="24.95" customHeight="1" x14ac:dyDescent="0.25">
      <c r="B34" s="30" t="s">
        <v>169</v>
      </c>
      <c r="C34" s="69" t="s">
        <v>178</v>
      </c>
      <c r="D34" s="70"/>
      <c r="E34" s="31" t="s">
        <v>1</v>
      </c>
      <c r="F34" s="63">
        <v>3</v>
      </c>
    </row>
    <row r="35" spans="2:7" s="26" customFormat="1" ht="24.95" customHeight="1" x14ac:dyDescent="0.25">
      <c r="B35" s="30" t="s">
        <v>170</v>
      </c>
      <c r="C35" s="69" t="s">
        <v>179</v>
      </c>
      <c r="D35" s="70"/>
      <c r="E35" s="31" t="s">
        <v>1</v>
      </c>
      <c r="F35" s="63">
        <v>1</v>
      </c>
    </row>
    <row r="36" spans="2:7" s="26" customFormat="1" ht="24.95" customHeight="1" x14ac:dyDescent="0.25">
      <c r="B36" s="30" t="s">
        <v>171</v>
      </c>
      <c r="C36" s="69" t="s">
        <v>180</v>
      </c>
      <c r="D36" s="70"/>
      <c r="E36" s="31" t="s">
        <v>1</v>
      </c>
      <c r="F36" s="63">
        <v>3</v>
      </c>
    </row>
    <row r="37" spans="2:7" s="26" customFormat="1" ht="24.95" customHeight="1" x14ac:dyDescent="0.25">
      <c r="B37" s="30" t="s">
        <v>172</v>
      </c>
      <c r="C37" s="69" t="s">
        <v>181</v>
      </c>
      <c r="D37" s="70"/>
      <c r="E37" s="31" t="s">
        <v>1</v>
      </c>
      <c r="F37" s="63">
        <v>3</v>
      </c>
    </row>
    <row r="38" spans="2:7" s="26" customFormat="1" ht="24.95" customHeight="1" x14ac:dyDescent="0.25">
      <c r="B38" s="30" t="s">
        <v>173</v>
      </c>
      <c r="C38" s="69" t="s">
        <v>182</v>
      </c>
      <c r="D38" s="70"/>
      <c r="E38" s="31" t="s">
        <v>1</v>
      </c>
      <c r="F38" s="63">
        <v>2</v>
      </c>
    </row>
    <row r="39" spans="2:7" s="26" customFormat="1" ht="4.5" customHeight="1" x14ac:dyDescent="0.25">
      <c r="B39" s="68"/>
      <c r="C39" s="68"/>
      <c r="D39" s="68"/>
      <c r="E39" s="68"/>
      <c r="F39" s="68"/>
    </row>
    <row r="40" spans="2:7" s="26" customFormat="1" ht="20.100000000000001" customHeight="1" x14ac:dyDescent="0.25">
      <c r="B40" s="81" t="s">
        <v>20</v>
      </c>
      <c r="C40" s="82"/>
      <c r="D40" s="68"/>
      <c r="E40" s="68"/>
      <c r="F40" s="68"/>
    </row>
    <row r="41" spans="2:7" s="26" customFormat="1" ht="20.100000000000001" customHeight="1" x14ac:dyDescent="0.2">
      <c r="B41" s="12"/>
      <c r="C41" s="26" t="s">
        <v>3</v>
      </c>
      <c r="D41" s="68"/>
      <c r="E41" s="68"/>
      <c r="F41" s="68"/>
    </row>
    <row r="42" spans="2:7" s="26" customFormat="1" ht="20.100000000000001" customHeight="1" x14ac:dyDescent="0.25">
      <c r="B42" s="27"/>
      <c r="C42" s="16" t="s">
        <v>4</v>
      </c>
      <c r="D42" s="68"/>
      <c r="E42" s="68"/>
      <c r="F42" s="68"/>
    </row>
    <row r="43" spans="2:7" ht="5.0999999999999996" customHeight="1" x14ac:dyDescent="0.2"/>
    <row r="44" spans="2:7" s="16" customFormat="1" ht="20.100000000000001" customHeight="1" x14ac:dyDescent="0.25">
      <c r="B44" s="91" t="s">
        <v>25</v>
      </c>
      <c r="C44" s="91"/>
      <c r="D44" s="91"/>
      <c r="E44" s="91"/>
      <c r="F44" s="91"/>
    </row>
    <row r="45" spans="2:7" s="16" customFormat="1" ht="5.0999999999999996" customHeight="1" thickBot="1" x14ac:dyDescent="0.3">
      <c r="B45" s="25"/>
      <c r="D45" s="32"/>
      <c r="E45" s="32"/>
      <c r="F45" s="32"/>
    </row>
    <row r="46" spans="2:7" s="23" customFormat="1" ht="93" customHeight="1" x14ac:dyDescent="0.25">
      <c r="B46" s="76" t="s">
        <v>0</v>
      </c>
      <c r="C46" s="77"/>
      <c r="D46" s="78" t="s">
        <v>54</v>
      </c>
      <c r="E46" s="79"/>
      <c r="F46" s="80"/>
      <c r="G46" s="33"/>
    </row>
    <row r="47" spans="2:7" s="23" customFormat="1" ht="30" customHeight="1" thickBot="1" x14ac:dyDescent="0.3">
      <c r="B47" s="116"/>
      <c r="C47" s="117"/>
      <c r="D47" s="118" t="s">
        <v>26</v>
      </c>
      <c r="E47" s="119" t="s">
        <v>27</v>
      </c>
      <c r="F47" s="120"/>
    </row>
    <row r="48" spans="2:7" s="35" customFormat="1" ht="30" customHeight="1" x14ac:dyDescent="0.25">
      <c r="B48" s="74" t="s">
        <v>163</v>
      </c>
      <c r="C48" s="126"/>
      <c r="D48" s="60"/>
      <c r="E48" s="114"/>
      <c r="F48" s="115"/>
    </row>
    <row r="49" spans="2:6" s="35" customFormat="1" ht="27.75" customHeight="1" x14ac:dyDescent="0.25">
      <c r="B49" s="61" t="s">
        <v>56</v>
      </c>
      <c r="C49" s="144" t="s">
        <v>77</v>
      </c>
      <c r="D49" s="34"/>
      <c r="E49" s="83"/>
      <c r="F49" s="84"/>
    </row>
    <row r="50" spans="2:6" s="35" customFormat="1" ht="33" customHeight="1" x14ac:dyDescent="0.25">
      <c r="B50" s="61" t="s">
        <v>65</v>
      </c>
      <c r="C50" s="144" t="s">
        <v>78</v>
      </c>
      <c r="D50" s="34"/>
      <c r="E50" s="83"/>
      <c r="F50" s="84"/>
    </row>
    <row r="51" spans="2:6" s="35" customFormat="1" ht="34.5" customHeight="1" x14ac:dyDescent="0.25">
      <c r="B51" s="61" t="s">
        <v>66</v>
      </c>
      <c r="C51" s="144" t="s">
        <v>79</v>
      </c>
      <c r="D51" s="34"/>
      <c r="E51" s="83"/>
      <c r="F51" s="84"/>
    </row>
    <row r="52" spans="2:6" s="35" customFormat="1" ht="40.5" customHeight="1" x14ac:dyDescent="0.25">
      <c r="B52" s="61" t="s">
        <v>80</v>
      </c>
      <c r="C52" s="144" t="s">
        <v>81</v>
      </c>
      <c r="D52" s="34"/>
      <c r="E52" s="83"/>
      <c r="F52" s="84"/>
    </row>
    <row r="53" spans="2:6" s="35" customFormat="1" ht="30" customHeight="1" x14ac:dyDescent="0.25">
      <c r="B53" s="61" t="s">
        <v>82</v>
      </c>
      <c r="C53" s="144" t="s">
        <v>83</v>
      </c>
      <c r="D53" s="34"/>
      <c r="E53" s="83"/>
      <c r="F53" s="84"/>
    </row>
    <row r="54" spans="2:6" s="35" customFormat="1" ht="30" customHeight="1" x14ac:dyDescent="0.25">
      <c r="B54" s="61" t="s">
        <v>84</v>
      </c>
      <c r="C54" s="144" t="s">
        <v>85</v>
      </c>
      <c r="D54" s="34"/>
      <c r="E54" s="83"/>
      <c r="F54" s="84"/>
    </row>
    <row r="55" spans="2:6" s="35" customFormat="1" ht="28.5" customHeight="1" x14ac:dyDescent="0.25">
      <c r="B55" s="61" t="s">
        <v>86</v>
      </c>
      <c r="C55" s="144" t="s">
        <v>87</v>
      </c>
      <c r="D55" s="34"/>
      <c r="E55" s="83"/>
      <c r="F55" s="84"/>
    </row>
    <row r="56" spans="2:6" s="35" customFormat="1" ht="36.75" customHeight="1" x14ac:dyDescent="0.25">
      <c r="B56" s="75" t="s">
        <v>88</v>
      </c>
      <c r="C56" s="121"/>
      <c r="D56" s="34"/>
      <c r="E56" s="83"/>
      <c r="F56" s="84"/>
    </row>
    <row r="57" spans="2:6" s="35" customFormat="1" ht="30" customHeight="1" x14ac:dyDescent="0.25">
      <c r="B57" s="61" t="s">
        <v>68</v>
      </c>
      <c r="C57" s="145" t="s">
        <v>89</v>
      </c>
      <c r="D57" s="34"/>
      <c r="E57" s="83"/>
      <c r="F57" s="84"/>
    </row>
    <row r="58" spans="2:6" s="35" customFormat="1" ht="41.25" customHeight="1" x14ac:dyDescent="0.25">
      <c r="B58" s="61" t="s">
        <v>69</v>
      </c>
      <c r="C58" s="145" t="s">
        <v>90</v>
      </c>
      <c r="D58" s="34"/>
      <c r="E58" s="83"/>
      <c r="F58" s="84"/>
    </row>
    <row r="59" spans="2:6" s="35" customFormat="1" ht="36" customHeight="1" x14ac:dyDescent="0.25">
      <c r="B59" s="61" t="s">
        <v>70</v>
      </c>
      <c r="C59" s="145" t="s">
        <v>91</v>
      </c>
      <c r="D59" s="34"/>
      <c r="E59" s="83"/>
      <c r="F59" s="84"/>
    </row>
    <row r="60" spans="2:6" s="35" customFormat="1" ht="36.75" customHeight="1" x14ac:dyDescent="0.25">
      <c r="B60" s="61" t="s">
        <v>71</v>
      </c>
      <c r="C60" s="145" t="s">
        <v>92</v>
      </c>
      <c r="D60" s="34"/>
      <c r="E60" s="83"/>
      <c r="F60" s="84"/>
    </row>
    <row r="61" spans="2:6" s="35" customFormat="1" ht="30" customHeight="1" x14ac:dyDescent="0.25">
      <c r="B61" s="75" t="s">
        <v>93</v>
      </c>
      <c r="C61" s="121"/>
      <c r="D61" s="34"/>
      <c r="E61" s="83"/>
      <c r="F61" s="84"/>
    </row>
    <row r="62" spans="2:6" s="35" customFormat="1" ht="27.75" customHeight="1" x14ac:dyDescent="0.25">
      <c r="B62" s="61" t="s">
        <v>73</v>
      </c>
      <c r="C62" s="144" t="s">
        <v>94</v>
      </c>
      <c r="D62" s="34"/>
      <c r="E62" s="83"/>
      <c r="F62" s="84"/>
    </row>
    <row r="63" spans="2:6" s="35" customFormat="1" ht="33" customHeight="1" x14ac:dyDescent="0.25">
      <c r="B63" s="61" t="s">
        <v>74</v>
      </c>
      <c r="C63" s="144" t="s">
        <v>95</v>
      </c>
      <c r="D63" s="34"/>
      <c r="E63" s="83"/>
      <c r="F63" s="84"/>
    </row>
    <row r="64" spans="2:6" s="35" customFormat="1" ht="34.5" customHeight="1" x14ac:dyDescent="0.25">
      <c r="B64" s="61" t="s">
        <v>75</v>
      </c>
      <c r="C64" s="144" t="s">
        <v>96</v>
      </c>
      <c r="D64" s="34"/>
      <c r="E64" s="83"/>
      <c r="F64" s="84"/>
    </row>
    <row r="65" spans="2:6" s="35" customFormat="1" ht="49.5" customHeight="1" x14ac:dyDescent="0.25">
      <c r="B65" s="61" t="s">
        <v>76</v>
      </c>
      <c r="C65" s="144" t="s">
        <v>97</v>
      </c>
      <c r="D65" s="34"/>
      <c r="E65" s="83"/>
      <c r="F65" s="84"/>
    </row>
    <row r="66" spans="2:6" s="35" customFormat="1" ht="30" customHeight="1" x14ac:dyDescent="0.25">
      <c r="B66" s="61" t="s">
        <v>98</v>
      </c>
      <c r="C66" s="144" t="s">
        <v>99</v>
      </c>
      <c r="D66" s="34"/>
      <c r="E66" s="83"/>
      <c r="F66" s="84"/>
    </row>
    <row r="67" spans="2:6" s="35" customFormat="1" ht="30" customHeight="1" x14ac:dyDescent="0.25">
      <c r="B67" s="61" t="s">
        <v>100</v>
      </c>
      <c r="C67" s="144" t="s">
        <v>101</v>
      </c>
      <c r="D67" s="34"/>
      <c r="E67" s="83"/>
      <c r="F67" s="84"/>
    </row>
    <row r="68" spans="2:6" s="35" customFormat="1" ht="27.75" customHeight="1" x14ac:dyDescent="0.25">
      <c r="B68" s="75" t="s">
        <v>102</v>
      </c>
      <c r="C68" s="121"/>
      <c r="D68" s="34"/>
      <c r="E68" s="83"/>
      <c r="F68" s="84"/>
    </row>
    <row r="69" spans="2:6" s="35" customFormat="1" ht="42.75" customHeight="1" x14ac:dyDescent="0.25">
      <c r="B69" s="61" t="s">
        <v>103</v>
      </c>
      <c r="C69" s="122" t="s">
        <v>104</v>
      </c>
      <c r="D69" s="34"/>
      <c r="E69" s="83"/>
      <c r="F69" s="84"/>
    </row>
    <row r="70" spans="2:6" s="35" customFormat="1" ht="34.5" customHeight="1" x14ac:dyDescent="0.25">
      <c r="B70" s="75" t="s">
        <v>105</v>
      </c>
      <c r="C70" s="121"/>
      <c r="D70" s="34"/>
      <c r="E70" s="83"/>
      <c r="F70" s="84"/>
    </row>
    <row r="71" spans="2:6" s="35" customFormat="1" ht="42.75" customHeight="1" x14ac:dyDescent="0.25">
      <c r="B71" s="61" t="s">
        <v>106</v>
      </c>
      <c r="C71" s="123" t="s">
        <v>107</v>
      </c>
      <c r="D71" s="34"/>
      <c r="E71" s="83"/>
      <c r="F71" s="84"/>
    </row>
    <row r="72" spans="2:6" s="35" customFormat="1" ht="30" customHeight="1" x14ac:dyDescent="0.25">
      <c r="B72" s="75" t="s">
        <v>108</v>
      </c>
      <c r="C72" s="121"/>
      <c r="D72" s="34"/>
      <c r="E72" s="83"/>
      <c r="F72" s="84"/>
    </row>
    <row r="73" spans="2:6" s="35" customFormat="1" ht="30" customHeight="1" x14ac:dyDescent="0.25">
      <c r="B73" s="61" t="s">
        <v>109</v>
      </c>
      <c r="C73" s="123" t="s">
        <v>110</v>
      </c>
      <c r="D73" s="34"/>
      <c r="E73" s="83"/>
      <c r="F73" s="84"/>
    </row>
    <row r="74" spans="2:6" s="35" customFormat="1" ht="41.25" customHeight="1" x14ac:dyDescent="0.25">
      <c r="B74" s="75" t="s">
        <v>111</v>
      </c>
      <c r="C74" s="121"/>
      <c r="D74" s="34"/>
      <c r="E74" s="83"/>
      <c r="F74" s="84"/>
    </row>
    <row r="75" spans="2:6" s="35" customFormat="1" ht="36.75" customHeight="1" x14ac:dyDescent="0.25">
      <c r="B75" s="61" t="s">
        <v>112</v>
      </c>
      <c r="C75" s="145" t="s">
        <v>113</v>
      </c>
      <c r="D75" s="34"/>
      <c r="E75" s="83"/>
      <c r="F75" s="84"/>
    </row>
    <row r="76" spans="2:6" s="35" customFormat="1" ht="30" customHeight="1" x14ac:dyDescent="0.25">
      <c r="B76" s="61" t="s">
        <v>114</v>
      </c>
      <c r="C76" s="145" t="s">
        <v>115</v>
      </c>
      <c r="D76" s="34"/>
      <c r="E76" s="83"/>
      <c r="F76" s="84"/>
    </row>
    <row r="77" spans="2:6" s="35" customFormat="1" ht="41.25" customHeight="1" x14ac:dyDescent="0.25">
      <c r="B77" s="61" t="s">
        <v>116</v>
      </c>
      <c r="C77" s="145" t="s">
        <v>117</v>
      </c>
      <c r="D77" s="34"/>
      <c r="E77" s="83"/>
      <c r="F77" s="84"/>
    </row>
    <row r="78" spans="2:6" s="35" customFormat="1" ht="36" customHeight="1" x14ac:dyDescent="0.25">
      <c r="B78" s="61" t="s">
        <v>118</v>
      </c>
      <c r="C78" s="124" t="s">
        <v>119</v>
      </c>
      <c r="D78" s="34"/>
      <c r="E78" s="83"/>
      <c r="F78" s="84"/>
    </row>
    <row r="79" spans="2:6" s="35" customFormat="1" ht="36.75" customHeight="1" x14ac:dyDescent="0.25">
      <c r="B79" s="75" t="s">
        <v>120</v>
      </c>
      <c r="C79" s="121"/>
      <c r="D79" s="34"/>
      <c r="E79" s="83"/>
      <c r="F79" s="84"/>
    </row>
    <row r="80" spans="2:6" s="35" customFormat="1" ht="30" customHeight="1" x14ac:dyDescent="0.25">
      <c r="B80" s="61" t="s">
        <v>121</v>
      </c>
      <c r="C80" s="146" t="s">
        <v>122</v>
      </c>
      <c r="D80" s="34"/>
      <c r="E80" s="83"/>
      <c r="F80" s="84"/>
    </row>
    <row r="81" spans="2:6" s="35" customFormat="1" ht="65.25" customHeight="1" x14ac:dyDescent="0.25">
      <c r="B81" s="61" t="s">
        <v>123</v>
      </c>
      <c r="C81" s="146" t="s">
        <v>124</v>
      </c>
      <c r="D81" s="34"/>
      <c r="E81" s="83"/>
      <c r="F81" s="84"/>
    </row>
    <row r="82" spans="2:6" s="35" customFormat="1" ht="52.5" customHeight="1" x14ac:dyDescent="0.25">
      <c r="B82" s="61" t="s">
        <v>125</v>
      </c>
      <c r="C82" s="146" t="s">
        <v>126</v>
      </c>
      <c r="D82" s="34"/>
      <c r="E82" s="83"/>
      <c r="F82" s="84"/>
    </row>
    <row r="83" spans="2:6" s="35" customFormat="1" ht="57.75" customHeight="1" x14ac:dyDescent="0.25">
      <c r="B83" s="61" t="s">
        <v>127</v>
      </c>
      <c r="C83" s="146" t="s">
        <v>128</v>
      </c>
      <c r="D83" s="34"/>
      <c r="E83" s="83"/>
      <c r="F83" s="84"/>
    </row>
    <row r="84" spans="2:6" s="35" customFormat="1" ht="41.25" customHeight="1" x14ac:dyDescent="0.25">
      <c r="B84" s="61" t="s">
        <v>129</v>
      </c>
      <c r="C84" s="146" t="s">
        <v>130</v>
      </c>
      <c r="D84" s="34"/>
      <c r="E84" s="83"/>
      <c r="F84" s="84"/>
    </row>
    <row r="85" spans="2:6" s="35" customFormat="1" ht="30" customHeight="1" x14ac:dyDescent="0.25">
      <c r="B85" s="61" t="s">
        <v>131</v>
      </c>
      <c r="C85" s="146" t="s">
        <v>132</v>
      </c>
      <c r="D85" s="34"/>
      <c r="E85" s="83"/>
      <c r="F85" s="84"/>
    </row>
    <row r="86" spans="2:6" s="35" customFormat="1" ht="30" customHeight="1" x14ac:dyDescent="0.25">
      <c r="B86" s="61" t="s">
        <v>133</v>
      </c>
      <c r="C86" s="146" t="s">
        <v>134</v>
      </c>
      <c r="D86" s="34"/>
      <c r="E86" s="83"/>
      <c r="F86" s="84"/>
    </row>
    <row r="87" spans="2:6" s="35" customFormat="1" ht="41.25" customHeight="1" x14ac:dyDescent="0.25">
      <c r="B87" s="61" t="s">
        <v>135</v>
      </c>
      <c r="C87" s="146" t="s">
        <v>136</v>
      </c>
      <c r="D87" s="34"/>
      <c r="E87" s="83"/>
      <c r="F87" s="84"/>
    </row>
    <row r="88" spans="2:6" s="35" customFormat="1" ht="36.75" customHeight="1" x14ac:dyDescent="0.25">
      <c r="B88" s="61" t="s">
        <v>137</v>
      </c>
      <c r="C88" s="146" t="s">
        <v>138</v>
      </c>
      <c r="D88" s="34"/>
      <c r="E88" s="83"/>
      <c r="F88" s="84"/>
    </row>
    <row r="89" spans="2:6" s="35" customFormat="1" ht="30" customHeight="1" x14ac:dyDescent="0.25">
      <c r="B89" s="61" t="s">
        <v>139</v>
      </c>
      <c r="C89" s="146" t="s">
        <v>140</v>
      </c>
      <c r="D89" s="34"/>
      <c r="E89" s="83"/>
      <c r="F89" s="84"/>
    </row>
    <row r="90" spans="2:6" s="35" customFormat="1" ht="41.25" customHeight="1" x14ac:dyDescent="0.25">
      <c r="B90" s="61" t="s">
        <v>141</v>
      </c>
      <c r="C90" s="125" t="s">
        <v>142</v>
      </c>
      <c r="D90" s="34"/>
      <c r="E90" s="83"/>
      <c r="F90" s="84"/>
    </row>
    <row r="91" spans="2:6" s="35" customFormat="1" ht="36" customHeight="1" x14ac:dyDescent="0.25">
      <c r="B91" s="61" t="s">
        <v>143</v>
      </c>
      <c r="C91" s="146" t="s">
        <v>144</v>
      </c>
      <c r="D91" s="34"/>
      <c r="E91" s="83"/>
      <c r="F91" s="84"/>
    </row>
    <row r="92" spans="2:6" s="35" customFormat="1" ht="45" customHeight="1" x14ac:dyDescent="0.25">
      <c r="B92" s="61" t="s">
        <v>145</v>
      </c>
      <c r="C92" s="146" t="s">
        <v>146</v>
      </c>
      <c r="D92" s="34"/>
      <c r="E92" s="83"/>
      <c r="F92" s="84"/>
    </row>
    <row r="93" spans="2:6" s="35" customFormat="1" ht="30" customHeight="1" x14ac:dyDescent="0.25">
      <c r="B93" s="61" t="s">
        <v>147</v>
      </c>
      <c r="C93" s="146" t="s">
        <v>148</v>
      </c>
      <c r="D93" s="34"/>
      <c r="E93" s="83"/>
      <c r="F93" s="84"/>
    </row>
    <row r="94" spans="2:6" s="35" customFormat="1" ht="30" customHeight="1" x14ac:dyDescent="0.25">
      <c r="B94" s="61" t="s">
        <v>149</v>
      </c>
      <c r="C94" s="146" t="s">
        <v>150</v>
      </c>
      <c r="D94" s="34"/>
      <c r="E94" s="83"/>
      <c r="F94" s="84"/>
    </row>
    <row r="95" spans="2:6" s="35" customFormat="1" ht="57" customHeight="1" x14ac:dyDescent="0.25">
      <c r="B95" s="61" t="s">
        <v>151</v>
      </c>
      <c r="C95" s="146" t="s">
        <v>152</v>
      </c>
      <c r="D95" s="34"/>
      <c r="E95" s="83"/>
      <c r="F95" s="84"/>
    </row>
    <row r="96" spans="2:6" s="35" customFormat="1" ht="30" customHeight="1" x14ac:dyDescent="0.25">
      <c r="B96" s="61" t="s">
        <v>153</v>
      </c>
      <c r="C96" s="146" t="s">
        <v>154</v>
      </c>
      <c r="D96" s="34"/>
      <c r="E96" s="83"/>
      <c r="F96" s="84"/>
    </row>
    <row r="97" spans="2:6" s="35" customFormat="1" ht="30" customHeight="1" x14ac:dyDescent="0.25">
      <c r="B97" s="61" t="s">
        <v>155</v>
      </c>
      <c r="C97" s="146" t="s">
        <v>156</v>
      </c>
      <c r="D97" s="34"/>
      <c r="E97" s="83"/>
      <c r="F97" s="84"/>
    </row>
    <row r="98" spans="2:6" s="35" customFormat="1" ht="30" customHeight="1" x14ac:dyDescent="0.25">
      <c r="B98" s="61" t="s">
        <v>157</v>
      </c>
      <c r="C98" s="146" t="s">
        <v>158</v>
      </c>
      <c r="D98" s="34"/>
      <c r="E98" s="83"/>
      <c r="F98" s="84"/>
    </row>
    <row r="99" spans="2:6" s="35" customFormat="1" ht="59.25" customHeight="1" x14ac:dyDescent="0.25">
      <c r="B99" s="61" t="s">
        <v>159</v>
      </c>
      <c r="C99" s="146" t="s">
        <v>160</v>
      </c>
      <c r="D99" s="34"/>
      <c r="E99" s="83"/>
      <c r="F99" s="84"/>
    </row>
    <row r="100" spans="2:6" s="35" customFormat="1" ht="48" customHeight="1" thickBot="1" x14ac:dyDescent="0.3">
      <c r="B100" s="62" t="s">
        <v>161</v>
      </c>
      <c r="C100" s="147" t="s">
        <v>162</v>
      </c>
      <c r="D100" s="58"/>
      <c r="E100" s="95"/>
      <c r="F100" s="96"/>
    </row>
    <row r="101" spans="2:6" s="23" customFormat="1" ht="17.25" customHeight="1" x14ac:dyDescent="0.25">
      <c r="B101" s="36"/>
      <c r="C101" s="37"/>
      <c r="D101" s="38"/>
      <c r="E101" s="38"/>
      <c r="F101" s="39"/>
    </row>
    <row r="102" spans="2:6" s="16" customFormat="1" ht="20.100000000000001" customHeight="1" x14ac:dyDescent="0.25">
      <c r="B102" s="91" t="s">
        <v>42</v>
      </c>
      <c r="C102" s="91"/>
      <c r="D102" s="91"/>
      <c r="E102" s="91"/>
      <c r="F102" s="91"/>
    </row>
    <row r="103" spans="2:6" s="16" customFormat="1" ht="5.0999999999999996" customHeight="1" thickBot="1" x14ac:dyDescent="0.3">
      <c r="B103" s="25"/>
      <c r="D103" s="32"/>
      <c r="E103" s="32"/>
      <c r="F103" s="32"/>
    </row>
    <row r="104" spans="2:6" s="23" customFormat="1" ht="69" customHeight="1" x14ac:dyDescent="0.25">
      <c r="B104" s="76" t="s">
        <v>8</v>
      </c>
      <c r="C104" s="77"/>
      <c r="D104" s="78" t="s">
        <v>55</v>
      </c>
      <c r="E104" s="79"/>
      <c r="F104" s="80"/>
    </row>
    <row r="105" spans="2:6" s="23" customFormat="1" ht="30" customHeight="1" thickBot="1" x14ac:dyDescent="0.3">
      <c r="B105" s="116"/>
      <c r="C105" s="117"/>
      <c r="D105" s="118" t="s">
        <v>7</v>
      </c>
      <c r="E105" s="127" t="s">
        <v>28</v>
      </c>
      <c r="F105" s="128"/>
    </row>
    <row r="106" spans="2:6" s="16" customFormat="1" ht="61.5" customHeight="1" x14ac:dyDescent="0.25">
      <c r="B106" s="54" t="s">
        <v>15</v>
      </c>
      <c r="C106" s="148" t="s">
        <v>222</v>
      </c>
      <c r="D106" s="60"/>
      <c r="E106" s="89"/>
      <c r="F106" s="90"/>
    </row>
    <row r="107" spans="2:6" s="16" customFormat="1" ht="63.75" customHeight="1" x14ac:dyDescent="0.25">
      <c r="B107" s="137" t="s">
        <v>50</v>
      </c>
      <c r="C107" s="146" t="s">
        <v>187</v>
      </c>
      <c r="D107" s="34"/>
      <c r="E107" s="85"/>
      <c r="F107" s="86"/>
    </row>
    <row r="108" spans="2:6" s="16" customFormat="1" ht="31.5" customHeight="1" x14ac:dyDescent="0.25">
      <c r="B108" s="137" t="s">
        <v>51</v>
      </c>
      <c r="C108" s="146" t="s">
        <v>188</v>
      </c>
      <c r="D108" s="34"/>
      <c r="E108" s="85"/>
      <c r="F108" s="86"/>
    </row>
    <row r="109" spans="2:6" s="16" customFormat="1" ht="30.75" customHeight="1" x14ac:dyDescent="0.25">
      <c r="B109" s="149" t="s">
        <v>73</v>
      </c>
      <c r="C109" s="150" t="s">
        <v>189</v>
      </c>
      <c r="D109" s="34"/>
      <c r="E109" s="85"/>
      <c r="F109" s="86"/>
    </row>
    <row r="110" spans="2:6" s="16" customFormat="1" ht="31.5" customHeight="1" x14ac:dyDescent="0.25">
      <c r="B110" s="149" t="s">
        <v>74</v>
      </c>
      <c r="C110" s="146" t="s">
        <v>190</v>
      </c>
      <c r="D110" s="34"/>
      <c r="E110" s="85"/>
      <c r="F110" s="86"/>
    </row>
    <row r="111" spans="2:6" s="16" customFormat="1" ht="50.1" customHeight="1" x14ac:dyDescent="0.25">
      <c r="B111" s="149" t="s">
        <v>75</v>
      </c>
      <c r="C111" s="146" t="s">
        <v>191</v>
      </c>
      <c r="D111" s="34"/>
      <c r="E111" s="85"/>
      <c r="F111" s="86"/>
    </row>
    <row r="112" spans="2:6" s="16" customFormat="1" ht="138" customHeight="1" x14ac:dyDescent="0.25">
      <c r="B112" s="149" t="s">
        <v>76</v>
      </c>
      <c r="C112" s="146" t="s">
        <v>192</v>
      </c>
      <c r="D112" s="34"/>
      <c r="E112" s="85"/>
      <c r="F112" s="86"/>
    </row>
    <row r="113" spans="2:6" s="16" customFormat="1" ht="122.25" customHeight="1" x14ac:dyDescent="0.25">
      <c r="B113" s="137" t="s">
        <v>52</v>
      </c>
      <c r="C113" s="146" t="s">
        <v>193</v>
      </c>
      <c r="D113" s="34"/>
      <c r="E113" s="85"/>
      <c r="F113" s="86"/>
    </row>
    <row r="114" spans="2:6" s="16" customFormat="1" ht="318.75" customHeight="1" x14ac:dyDescent="0.25">
      <c r="B114" s="137" t="s">
        <v>208</v>
      </c>
      <c r="C114" s="150" t="s">
        <v>194</v>
      </c>
      <c r="D114" s="34"/>
      <c r="E114" s="85"/>
      <c r="F114" s="86"/>
    </row>
    <row r="115" spans="2:6" s="16" customFormat="1" ht="110.25" customHeight="1" x14ac:dyDescent="0.25">
      <c r="B115" s="137" t="s">
        <v>209</v>
      </c>
      <c r="C115" s="146" t="s">
        <v>195</v>
      </c>
      <c r="D115" s="34"/>
      <c r="E115" s="85"/>
      <c r="F115" s="86"/>
    </row>
    <row r="116" spans="2:6" s="16" customFormat="1" ht="253.5" customHeight="1" x14ac:dyDescent="0.25">
      <c r="B116" s="137" t="s">
        <v>210</v>
      </c>
      <c r="C116" s="146" t="s">
        <v>196</v>
      </c>
      <c r="D116" s="34"/>
      <c r="E116" s="85"/>
      <c r="F116" s="86"/>
    </row>
    <row r="117" spans="2:6" s="16" customFormat="1" ht="39" customHeight="1" x14ac:dyDescent="0.25">
      <c r="B117" s="137" t="s">
        <v>211</v>
      </c>
      <c r="C117" s="125" t="s">
        <v>223</v>
      </c>
      <c r="D117" s="34"/>
      <c r="E117" s="85"/>
      <c r="F117" s="86"/>
    </row>
    <row r="118" spans="2:6" s="16" customFormat="1" ht="37.5" customHeight="1" x14ac:dyDescent="0.25">
      <c r="B118" s="137" t="s">
        <v>212</v>
      </c>
      <c r="C118" s="144" t="s">
        <v>224</v>
      </c>
      <c r="D118" s="34"/>
      <c r="E118" s="85"/>
      <c r="F118" s="86"/>
    </row>
    <row r="119" spans="2:6" s="16" customFormat="1" ht="48" customHeight="1" x14ac:dyDescent="0.25">
      <c r="B119" s="137" t="s">
        <v>213</v>
      </c>
      <c r="C119" s="144" t="s">
        <v>232</v>
      </c>
      <c r="D119" s="34"/>
      <c r="E119" s="85"/>
      <c r="F119" s="86"/>
    </row>
    <row r="120" spans="2:6" s="16" customFormat="1" ht="108" customHeight="1" x14ac:dyDescent="0.25">
      <c r="B120" s="137" t="s">
        <v>214</v>
      </c>
      <c r="C120" s="144" t="s">
        <v>233</v>
      </c>
      <c r="D120" s="34"/>
      <c r="E120" s="85"/>
      <c r="F120" s="86"/>
    </row>
    <row r="121" spans="2:6" s="16" customFormat="1" ht="87.75" customHeight="1" x14ac:dyDescent="0.25">
      <c r="B121" s="137" t="s">
        <v>215</v>
      </c>
      <c r="C121" s="146" t="s">
        <v>225</v>
      </c>
      <c r="D121" s="34"/>
      <c r="E121" s="85"/>
      <c r="F121" s="86"/>
    </row>
    <row r="122" spans="2:6" s="16" customFormat="1" ht="89.25" customHeight="1" x14ac:dyDescent="0.25">
      <c r="B122" s="137" t="s">
        <v>216</v>
      </c>
      <c r="C122" s="146" t="s">
        <v>234</v>
      </c>
      <c r="D122" s="34"/>
      <c r="E122" s="85"/>
      <c r="F122" s="86"/>
    </row>
    <row r="123" spans="2:6" s="16" customFormat="1" ht="73.5" customHeight="1" x14ac:dyDescent="0.25">
      <c r="B123" s="137" t="s">
        <v>217</v>
      </c>
      <c r="C123" s="146" t="s">
        <v>226</v>
      </c>
      <c r="D123" s="34"/>
      <c r="E123" s="85"/>
      <c r="F123" s="86"/>
    </row>
    <row r="124" spans="2:6" s="16" customFormat="1" ht="40.5" customHeight="1" x14ac:dyDescent="0.25">
      <c r="B124" s="137" t="s">
        <v>218</v>
      </c>
      <c r="C124" s="146" t="s">
        <v>231</v>
      </c>
      <c r="D124" s="34"/>
      <c r="E124" s="85"/>
      <c r="F124" s="86"/>
    </row>
    <row r="125" spans="2:6" s="16" customFormat="1" ht="70.5" customHeight="1" x14ac:dyDescent="0.25">
      <c r="B125" s="137" t="s">
        <v>219</v>
      </c>
      <c r="C125" s="146" t="s">
        <v>227</v>
      </c>
      <c r="D125" s="34"/>
      <c r="E125" s="85"/>
      <c r="F125" s="86"/>
    </row>
    <row r="126" spans="2:6" s="16" customFormat="1" ht="41.25" customHeight="1" x14ac:dyDescent="0.25">
      <c r="B126" s="137" t="s">
        <v>220</v>
      </c>
      <c r="C126" s="146" t="s">
        <v>229</v>
      </c>
      <c r="D126" s="34"/>
      <c r="E126" s="85"/>
      <c r="F126" s="86"/>
    </row>
    <row r="127" spans="2:6" s="16" customFormat="1" ht="40.5" customHeight="1" x14ac:dyDescent="0.25">
      <c r="B127" s="149" t="s">
        <v>241</v>
      </c>
      <c r="C127" s="146" t="s">
        <v>228</v>
      </c>
      <c r="D127" s="34"/>
      <c r="E127" s="85"/>
      <c r="F127" s="86"/>
    </row>
    <row r="128" spans="2:6" s="16" customFormat="1" ht="73.5" customHeight="1" x14ac:dyDescent="0.25">
      <c r="B128" s="149" t="s">
        <v>242</v>
      </c>
      <c r="C128" s="146" t="s">
        <v>230</v>
      </c>
      <c r="D128" s="34"/>
      <c r="E128" s="85"/>
      <c r="F128" s="86"/>
    </row>
    <row r="129" spans="2:7" s="16" customFormat="1" ht="123.75" customHeight="1" x14ac:dyDescent="0.25">
      <c r="B129" s="137" t="s">
        <v>221</v>
      </c>
      <c r="C129" s="146" t="s">
        <v>197</v>
      </c>
      <c r="D129" s="34"/>
      <c r="E129" s="85"/>
      <c r="F129" s="86"/>
    </row>
    <row r="130" spans="2:7" s="16" customFormat="1" ht="111" customHeight="1" x14ac:dyDescent="0.25">
      <c r="B130" s="137" t="s">
        <v>235</v>
      </c>
      <c r="C130" s="150" t="s">
        <v>198</v>
      </c>
      <c r="D130" s="34"/>
      <c r="E130" s="85"/>
      <c r="F130" s="86"/>
    </row>
    <row r="131" spans="2:7" s="16" customFormat="1" ht="86.25" customHeight="1" x14ac:dyDescent="0.25">
      <c r="B131" s="137" t="s">
        <v>236</v>
      </c>
      <c r="C131" s="146" t="s">
        <v>199</v>
      </c>
      <c r="D131" s="34"/>
      <c r="E131" s="85"/>
      <c r="F131" s="86"/>
    </row>
    <row r="132" spans="2:7" s="16" customFormat="1" ht="98.25" customHeight="1" x14ac:dyDescent="0.25">
      <c r="B132" s="137" t="s">
        <v>237</v>
      </c>
      <c r="C132" s="146" t="s">
        <v>200</v>
      </c>
      <c r="D132" s="34"/>
      <c r="E132" s="85"/>
      <c r="F132" s="86"/>
    </row>
    <row r="133" spans="2:7" s="16" customFormat="1" ht="39" customHeight="1" x14ac:dyDescent="0.25">
      <c r="B133" s="137" t="s">
        <v>238</v>
      </c>
      <c r="C133" s="146" t="s">
        <v>201</v>
      </c>
      <c r="D133" s="34"/>
      <c r="E133" s="85"/>
      <c r="F133" s="86"/>
    </row>
    <row r="134" spans="2:7" s="16" customFormat="1" ht="59.25" customHeight="1" x14ac:dyDescent="0.25">
      <c r="B134" s="137" t="s">
        <v>239</v>
      </c>
      <c r="C134" s="146" t="s">
        <v>202</v>
      </c>
      <c r="D134" s="34"/>
      <c r="E134" s="85"/>
      <c r="F134" s="86"/>
    </row>
    <row r="135" spans="2:7" s="16" customFormat="1" ht="84" customHeight="1" x14ac:dyDescent="0.25">
      <c r="B135" s="137" t="s">
        <v>240</v>
      </c>
      <c r="C135" s="146" t="s">
        <v>203</v>
      </c>
      <c r="D135" s="34"/>
      <c r="E135" s="85"/>
      <c r="F135" s="86"/>
    </row>
    <row r="136" spans="2:7" s="16" customFormat="1" ht="209.25" customHeight="1" x14ac:dyDescent="0.25">
      <c r="B136" s="137" t="s">
        <v>243</v>
      </c>
      <c r="C136" s="146" t="s">
        <v>204</v>
      </c>
      <c r="D136" s="34"/>
      <c r="E136" s="85"/>
      <c r="F136" s="86"/>
    </row>
    <row r="137" spans="2:7" s="16" customFormat="1" ht="222" customHeight="1" x14ac:dyDescent="0.25">
      <c r="B137" s="137" t="s">
        <v>244</v>
      </c>
      <c r="C137" s="146" t="s">
        <v>205</v>
      </c>
      <c r="D137" s="34"/>
      <c r="E137" s="85"/>
      <c r="F137" s="86"/>
    </row>
    <row r="138" spans="2:7" s="16" customFormat="1" ht="120.75" customHeight="1" x14ac:dyDescent="0.25">
      <c r="B138" s="137" t="s">
        <v>245</v>
      </c>
      <c r="C138" s="146" t="s">
        <v>206</v>
      </c>
      <c r="D138" s="34"/>
      <c r="E138" s="85"/>
      <c r="F138" s="86"/>
    </row>
    <row r="139" spans="2:7" s="16" customFormat="1" ht="50.1" customHeight="1" thickBot="1" x14ac:dyDescent="0.3">
      <c r="B139" s="151" t="s">
        <v>246</v>
      </c>
      <c r="C139" s="147" t="s">
        <v>207</v>
      </c>
      <c r="D139" s="58"/>
      <c r="E139" s="129"/>
      <c r="F139" s="130"/>
    </row>
    <row r="140" spans="2:7" s="23" customFormat="1" ht="18.75" customHeight="1" x14ac:dyDescent="0.25">
      <c r="B140" s="37"/>
      <c r="C140" s="37"/>
      <c r="D140" s="38"/>
      <c r="E140" s="38"/>
      <c r="F140" s="39"/>
      <c r="G140" s="16"/>
    </row>
    <row r="141" spans="2:7" s="16" customFormat="1" ht="18.75" customHeight="1" x14ac:dyDescent="0.25">
      <c r="B141" s="91" t="s">
        <v>47</v>
      </c>
      <c r="C141" s="91"/>
      <c r="D141" s="91"/>
      <c r="E141" s="91"/>
      <c r="F141" s="91"/>
    </row>
    <row r="142" spans="2:7" s="16" customFormat="1" ht="4.5" customHeight="1" thickBot="1" x14ac:dyDescent="0.3"/>
    <row r="143" spans="2:7" s="16" customFormat="1" ht="80.25" customHeight="1" x14ac:dyDescent="0.25">
      <c r="B143" s="102" t="s">
        <v>166</v>
      </c>
      <c r="C143" s="103"/>
      <c r="D143" s="104" t="s">
        <v>48</v>
      </c>
      <c r="E143" s="105"/>
      <c r="F143" s="106"/>
    </row>
    <row r="144" spans="2:7" s="23" customFormat="1" ht="29.25" customHeight="1" thickBot="1" x14ac:dyDescent="0.3">
      <c r="B144" s="131"/>
      <c r="C144" s="132"/>
      <c r="D144" s="133" t="s">
        <v>7</v>
      </c>
      <c r="E144" s="134" t="s">
        <v>28</v>
      </c>
      <c r="F144" s="135"/>
      <c r="G144" s="16"/>
    </row>
    <row r="145" spans="2:7" s="23" customFormat="1" ht="130.5" customHeight="1" x14ac:dyDescent="0.25">
      <c r="B145" s="54" t="s">
        <v>15</v>
      </c>
      <c r="C145" s="57" t="s">
        <v>67</v>
      </c>
      <c r="D145" s="40"/>
      <c r="E145" s="89"/>
      <c r="F145" s="90"/>
      <c r="G145" s="16"/>
    </row>
    <row r="146" spans="2:7" s="23" customFormat="1" ht="31.5" customHeight="1" x14ac:dyDescent="0.25">
      <c r="B146" s="137" t="s">
        <v>50</v>
      </c>
      <c r="C146" s="55" t="s">
        <v>59</v>
      </c>
      <c r="D146" s="136"/>
      <c r="E146" s="85"/>
      <c r="F146" s="86"/>
      <c r="G146" s="16"/>
    </row>
    <row r="147" spans="2:7" s="23" customFormat="1" ht="30" customHeight="1" x14ac:dyDescent="0.25">
      <c r="B147" s="138" t="s">
        <v>51</v>
      </c>
      <c r="C147" s="55" t="s">
        <v>49</v>
      </c>
      <c r="D147" s="136"/>
      <c r="E147" s="85"/>
      <c r="F147" s="86"/>
      <c r="G147" s="16"/>
    </row>
    <row r="148" spans="2:7" s="23" customFormat="1" ht="39.75" customHeight="1" thickBot="1" x14ac:dyDescent="0.3">
      <c r="B148" s="56" t="s">
        <v>52</v>
      </c>
      <c r="C148" s="59" t="s">
        <v>72</v>
      </c>
      <c r="D148" s="41"/>
      <c r="E148" s="129"/>
      <c r="F148" s="130"/>
      <c r="G148" s="16"/>
    </row>
    <row r="149" spans="2:7" s="16" customFormat="1" ht="12.75" customHeight="1" x14ac:dyDescent="0.25">
      <c r="B149" s="37"/>
      <c r="C149" s="37"/>
      <c r="D149" s="38"/>
      <c r="E149" s="38"/>
      <c r="F149" s="39"/>
    </row>
    <row r="150" spans="2:7" s="16" customFormat="1" ht="20.100000000000001" customHeight="1" x14ac:dyDescent="0.25">
      <c r="B150" s="91" t="s">
        <v>14</v>
      </c>
      <c r="C150" s="91"/>
      <c r="D150" s="91"/>
      <c r="E150" s="91"/>
      <c r="F150" s="91"/>
    </row>
    <row r="151" spans="2:7" s="23" customFormat="1" ht="24.75" customHeight="1" x14ac:dyDescent="0.25">
      <c r="B151" s="37" t="s">
        <v>16</v>
      </c>
      <c r="C151" s="111" t="s">
        <v>60</v>
      </c>
      <c r="D151" s="111"/>
      <c r="E151" s="111"/>
      <c r="F151" s="111"/>
      <c r="G151" s="16"/>
    </row>
    <row r="152" spans="2:7" s="23" customFormat="1" ht="23.25" customHeight="1" x14ac:dyDescent="0.25">
      <c r="B152" s="37" t="s">
        <v>63</v>
      </c>
      <c r="C152" s="111" t="s">
        <v>64</v>
      </c>
      <c r="D152" s="111"/>
      <c r="E152" s="111"/>
      <c r="F152" s="111"/>
      <c r="G152" s="16"/>
    </row>
    <row r="153" spans="2:7" s="42" customFormat="1" ht="30" customHeight="1" x14ac:dyDescent="0.25">
      <c r="B153" s="112" t="s">
        <v>29</v>
      </c>
      <c r="C153" s="112"/>
      <c r="D153" s="112"/>
      <c r="E153" s="112"/>
      <c r="F153" s="23"/>
      <c r="G153" s="16"/>
    </row>
    <row r="154" spans="2:7" s="16" customFormat="1" ht="24.95" customHeight="1" x14ac:dyDescent="0.25">
      <c r="B154" s="43" t="s">
        <v>30</v>
      </c>
      <c r="C154" s="109"/>
      <c r="D154" s="109"/>
      <c r="F154" s="42"/>
    </row>
    <row r="155" spans="2:7" s="16" customFormat="1" ht="24.95" customHeight="1" x14ac:dyDescent="0.25">
      <c r="B155" s="43" t="s">
        <v>31</v>
      </c>
      <c r="C155" s="109"/>
      <c r="D155" s="109"/>
      <c r="F155" s="42"/>
    </row>
    <row r="156" spans="2:7" s="16" customFormat="1" ht="24.95" customHeight="1" x14ac:dyDescent="0.25">
      <c r="B156" s="43" t="s">
        <v>32</v>
      </c>
      <c r="C156" s="109"/>
      <c r="D156" s="109"/>
      <c r="F156" s="42"/>
    </row>
    <row r="157" spans="2:7" s="23" customFormat="1" ht="24.95" customHeight="1" x14ac:dyDescent="0.25">
      <c r="B157" s="43" t="s">
        <v>33</v>
      </c>
      <c r="C157" s="109"/>
      <c r="D157" s="109"/>
      <c r="E157" s="16"/>
      <c r="F157" s="44"/>
      <c r="G157" s="16"/>
    </row>
    <row r="158" spans="2:7" s="16" customFormat="1" ht="14.25" customHeight="1" x14ac:dyDescent="0.2">
      <c r="B158" s="45"/>
      <c r="C158" s="1"/>
      <c r="D158" s="1"/>
      <c r="F158" s="46"/>
    </row>
    <row r="159" spans="2:7" s="23" customFormat="1" ht="15" customHeight="1" x14ac:dyDescent="0.25">
      <c r="B159" s="113" t="s">
        <v>34</v>
      </c>
      <c r="C159" s="113"/>
      <c r="D159" s="113"/>
      <c r="E159" s="113"/>
      <c r="F159" s="113"/>
    </row>
    <row r="160" spans="2:7" s="16" customFormat="1" ht="36.75" customHeight="1" x14ac:dyDescent="0.25">
      <c r="B160" s="110" t="s">
        <v>62</v>
      </c>
      <c r="C160" s="110"/>
      <c r="D160" s="110"/>
      <c r="E160" s="110"/>
      <c r="F160" s="110"/>
    </row>
    <row r="161" spans="1:15" s="16" customFormat="1" ht="20.100000000000001" customHeight="1" x14ac:dyDescent="0.2">
      <c r="B161" s="11"/>
      <c r="C161" s="11"/>
      <c r="D161" s="24"/>
      <c r="E161" s="24"/>
    </row>
    <row r="162" spans="1:15" s="23" customFormat="1" ht="4.5" customHeight="1" x14ac:dyDescent="0.2">
      <c r="B162" s="11"/>
      <c r="C162" s="11"/>
      <c r="D162" s="24"/>
      <c r="E162" s="24"/>
      <c r="F162" s="16"/>
    </row>
    <row r="163" spans="1:15" s="23" customFormat="1" ht="20.100000000000001" customHeight="1" x14ac:dyDescent="0.25">
      <c r="B163" s="47" t="s">
        <v>35</v>
      </c>
      <c r="C163" s="48"/>
      <c r="D163" s="49" t="s">
        <v>36</v>
      </c>
      <c r="E163" s="107"/>
      <c r="F163" s="107"/>
    </row>
    <row r="164" spans="1:15" s="23" customFormat="1" ht="20.100000000000001" customHeight="1" x14ac:dyDescent="0.25">
      <c r="B164" s="50"/>
      <c r="C164" s="50"/>
      <c r="D164" s="50"/>
      <c r="E164" s="51"/>
      <c r="F164" s="51"/>
    </row>
    <row r="165" spans="1:15" ht="20.100000000000001" customHeight="1" x14ac:dyDescent="0.2">
      <c r="B165" s="47" t="s">
        <v>37</v>
      </c>
      <c r="C165" s="48"/>
      <c r="D165" s="52" t="s">
        <v>38</v>
      </c>
      <c r="E165" s="108"/>
      <c r="F165" s="108"/>
    </row>
    <row r="166" spans="1:15" s="16" customFormat="1" ht="20.100000000000001" customHeight="1" x14ac:dyDescent="0.2">
      <c r="B166" s="11"/>
      <c r="C166" s="11"/>
      <c r="D166" s="52" t="s">
        <v>39</v>
      </c>
      <c r="E166" s="109"/>
      <c r="F166" s="109"/>
    </row>
    <row r="167" spans="1:15" s="16" customFormat="1" ht="20.100000000000001" customHeight="1" x14ac:dyDescent="0.2">
      <c r="B167" s="11"/>
      <c r="C167" s="11"/>
      <c r="D167" s="53" t="s">
        <v>40</v>
      </c>
      <c r="E167" s="11"/>
    </row>
    <row r="168" spans="1:15" s="1" customFormat="1" ht="12" x14ac:dyDescent="0.2">
      <c r="A168" s="101" t="s">
        <v>57</v>
      </c>
      <c r="B168" s="101"/>
      <c r="D168" s="64"/>
      <c r="E168" s="64"/>
      <c r="F168" s="2"/>
      <c r="G168" s="2"/>
      <c r="H168" s="2"/>
      <c r="I168" s="2"/>
      <c r="J168" s="2"/>
      <c r="K168" s="2"/>
      <c r="L168" s="2"/>
      <c r="M168" s="3"/>
      <c r="O168" s="3"/>
    </row>
    <row r="169" spans="1:15" s="10" customFormat="1" ht="15" x14ac:dyDescent="0.25">
      <c r="A169" s="4"/>
      <c r="B169" s="5" t="s">
        <v>58</v>
      </c>
      <c r="C169" s="6"/>
      <c r="D169" s="7"/>
      <c r="E169" s="7"/>
      <c r="F169" s="8"/>
      <c r="G169" s="8"/>
      <c r="H169" s="8"/>
      <c r="I169" s="8"/>
      <c r="J169" s="8"/>
      <c r="K169" s="8"/>
      <c r="L169" s="8"/>
      <c r="M169" s="9"/>
      <c r="O169" s="9"/>
    </row>
    <row r="170" spans="1:15" s="16" customFormat="1" ht="24" customHeight="1" x14ac:dyDescent="0.25"/>
    <row r="171" spans="1:15" s="16" customFormat="1" ht="24" customHeight="1" x14ac:dyDescent="0.25"/>
    <row r="172" spans="1:15" s="16" customFormat="1" ht="24" customHeight="1" x14ac:dyDescent="0.25"/>
    <row r="173" spans="1:15" s="16" customFormat="1" ht="20.100000000000001" customHeight="1" x14ac:dyDescent="0.25"/>
    <row r="174" spans="1:15" s="16" customFormat="1" ht="20.100000000000001" customHeight="1" x14ac:dyDescent="0.25"/>
    <row r="175" spans="1:15" s="16" customFormat="1" ht="50.1" customHeight="1" x14ac:dyDescent="0.25"/>
    <row r="176" spans="1:15" s="16" customFormat="1" ht="43.5" customHeight="1" x14ac:dyDescent="0.25"/>
    <row r="177" spans="2:5" ht="24.75" customHeight="1" x14ac:dyDescent="0.2">
      <c r="B177" s="16"/>
      <c r="C177" s="16"/>
      <c r="D177" s="16"/>
      <c r="E177" s="16"/>
    </row>
    <row r="178" spans="2:5" x14ac:dyDescent="0.2">
      <c r="B178" s="16"/>
      <c r="C178" s="16"/>
      <c r="D178" s="16"/>
      <c r="E178" s="16"/>
    </row>
    <row r="179" spans="2:5" ht="20.100000000000001" customHeight="1" x14ac:dyDescent="0.2"/>
    <row r="180" spans="2:5" ht="4.5" customHeight="1" x14ac:dyDescent="0.2"/>
    <row r="181" spans="2:5" ht="20.100000000000001" customHeight="1" x14ac:dyDescent="0.2"/>
    <row r="182" spans="2:5" ht="20.100000000000001" customHeight="1" x14ac:dyDescent="0.2"/>
    <row r="183" spans="2:5" ht="20.100000000000001" customHeight="1" x14ac:dyDescent="0.2"/>
  </sheetData>
  <sheetProtection algorithmName="SHA-512" hashValue="6kcmRrrukfjZLUKGr7ffii1z4llx1SFquBozwxjh+RQv9X8rSKNy+nKrju9wQHb6UJdea42c8tnyojx3toO7Ew==" saltValue="de8eg8O4U0ssIm+fQHFfTw==" spinCount="100000" sheet="1" formatCells="0" formatColumns="0" formatRows="0" insertColumns="0" insertRows="0" insertHyperlinks="0" deleteColumns="0" deleteRows="0" selectLockedCells="1" sort="0" autoFilter="0" pivotTables="0"/>
  <mergeCells count="156">
    <mergeCell ref="B74:C74"/>
    <mergeCell ref="B79:C79"/>
    <mergeCell ref="E95:F95"/>
    <mergeCell ref="E48:F48"/>
    <mergeCell ref="E49:F49"/>
    <mergeCell ref="E50:F50"/>
    <mergeCell ref="E51:F51"/>
    <mergeCell ref="E52:F52"/>
    <mergeCell ref="E53:F53"/>
    <mergeCell ref="E54:F54"/>
    <mergeCell ref="E55:F55"/>
    <mergeCell ref="E56:F56"/>
    <mergeCell ref="E89:F89"/>
    <mergeCell ref="E83:F83"/>
    <mergeCell ref="E84:F84"/>
    <mergeCell ref="E85:F85"/>
    <mergeCell ref="E86:F86"/>
    <mergeCell ref="A168:B168"/>
    <mergeCell ref="B141:F141"/>
    <mergeCell ref="B143:C144"/>
    <mergeCell ref="D143:F143"/>
    <mergeCell ref="E144:F144"/>
    <mergeCell ref="E163:F163"/>
    <mergeCell ref="E165:F165"/>
    <mergeCell ref="E166:F166"/>
    <mergeCell ref="B160:F160"/>
    <mergeCell ref="B150:F150"/>
    <mergeCell ref="C151:F151"/>
    <mergeCell ref="B153:E153"/>
    <mergeCell ref="B159:F159"/>
    <mergeCell ref="C154:D154"/>
    <mergeCell ref="C155:D155"/>
    <mergeCell ref="C156:D156"/>
    <mergeCell ref="C152:F152"/>
    <mergeCell ref="C157:D157"/>
    <mergeCell ref="E148:F148"/>
    <mergeCell ref="E146:F146"/>
    <mergeCell ref="B9:F9"/>
    <mergeCell ref="B11:F11"/>
    <mergeCell ref="E112:F112"/>
    <mergeCell ref="E113:F113"/>
    <mergeCell ref="E116:F116"/>
    <mergeCell ref="E129:F129"/>
    <mergeCell ref="E130:F130"/>
    <mergeCell ref="E115:F115"/>
    <mergeCell ref="E106:F106"/>
    <mergeCell ref="B44:F44"/>
    <mergeCell ref="E114:F114"/>
    <mergeCell ref="E107:F107"/>
    <mergeCell ref="E111:F111"/>
    <mergeCell ref="E57:F57"/>
    <mergeCell ref="E58:F58"/>
    <mergeCell ref="E59:F59"/>
    <mergeCell ref="E60:F60"/>
    <mergeCell ref="E61:F61"/>
    <mergeCell ref="E92:F92"/>
    <mergeCell ref="E93:F93"/>
    <mergeCell ref="E94:F94"/>
    <mergeCell ref="C38:D38"/>
    <mergeCell ref="B22:F22"/>
    <mergeCell ref="B23:D23"/>
    <mergeCell ref="B2:F2"/>
    <mergeCell ref="B1:F1"/>
    <mergeCell ref="B26:C26"/>
    <mergeCell ref="B29:C29"/>
    <mergeCell ref="E145:F145"/>
    <mergeCell ref="E108:F108"/>
    <mergeCell ref="E109:F109"/>
    <mergeCell ref="E110:F110"/>
    <mergeCell ref="B102:F102"/>
    <mergeCell ref="B104:C105"/>
    <mergeCell ref="D104:F104"/>
    <mergeCell ref="E105:F105"/>
    <mergeCell ref="B24:F24"/>
    <mergeCell ref="B19:D19"/>
    <mergeCell ref="B20:D20"/>
    <mergeCell ref="B21:F21"/>
    <mergeCell ref="B3:F3"/>
    <mergeCell ref="E96:F96"/>
    <mergeCell ref="E97:F97"/>
    <mergeCell ref="E100:F100"/>
    <mergeCell ref="B7:F7"/>
    <mergeCell ref="B8:F8"/>
    <mergeCell ref="E87:F87"/>
    <mergeCell ref="E88:F88"/>
    <mergeCell ref="E99:F99"/>
    <mergeCell ref="E147:F147"/>
    <mergeCell ref="E139:F139"/>
    <mergeCell ref="E132:F132"/>
    <mergeCell ref="E133:F133"/>
    <mergeCell ref="E134:F134"/>
    <mergeCell ref="E135:F135"/>
    <mergeCell ref="E136:F136"/>
    <mergeCell ref="E137:F137"/>
    <mergeCell ref="E138:F138"/>
    <mergeCell ref="E131:F131"/>
    <mergeCell ref="E117:F117"/>
    <mergeCell ref="E118:F118"/>
    <mergeCell ref="E119:F119"/>
    <mergeCell ref="E120:F120"/>
    <mergeCell ref="E121:F121"/>
    <mergeCell ref="E122:F122"/>
    <mergeCell ref="E123:F123"/>
    <mergeCell ref="E124:F124"/>
    <mergeCell ref="E125:F125"/>
    <mergeCell ref="E126:F126"/>
    <mergeCell ref="E127:F127"/>
    <mergeCell ref="E128:F128"/>
    <mergeCell ref="E98:F98"/>
    <mergeCell ref="E80:F80"/>
    <mergeCell ref="E81:F81"/>
    <mergeCell ref="E82:F82"/>
    <mergeCell ref="E62:F62"/>
    <mergeCell ref="E63:F63"/>
    <mergeCell ref="E64:F64"/>
    <mergeCell ref="E65:F65"/>
    <mergeCell ref="E66:F66"/>
    <mergeCell ref="E67:F67"/>
    <mergeCell ref="E71:F71"/>
    <mergeCell ref="E72:F72"/>
    <mergeCell ref="E73:F73"/>
    <mergeCell ref="E74:F74"/>
    <mergeCell ref="E75:F75"/>
    <mergeCell ref="E76:F76"/>
    <mergeCell ref="E77:F77"/>
    <mergeCell ref="E78:F78"/>
    <mergeCell ref="E79:F79"/>
    <mergeCell ref="E90:F90"/>
    <mergeCell ref="E91:F91"/>
    <mergeCell ref="E68:F68"/>
    <mergeCell ref="E69:F69"/>
    <mergeCell ref="E70:F70"/>
    <mergeCell ref="C37:D37"/>
    <mergeCell ref="C35:D35"/>
    <mergeCell ref="C36:D36"/>
    <mergeCell ref="B48:C48"/>
    <mergeCell ref="B56:C56"/>
    <mergeCell ref="B61:C61"/>
    <mergeCell ref="B68:C68"/>
    <mergeCell ref="B70:C70"/>
    <mergeCell ref="B72:C72"/>
    <mergeCell ref="B46:C47"/>
    <mergeCell ref="D46:F46"/>
    <mergeCell ref="E47:F47"/>
    <mergeCell ref="B40:C40"/>
    <mergeCell ref="C31:D31"/>
    <mergeCell ref="C32:D32"/>
    <mergeCell ref="C33:D33"/>
    <mergeCell ref="C34:D34"/>
    <mergeCell ref="B12:D12"/>
    <mergeCell ref="B13:C13"/>
    <mergeCell ref="B14:C14"/>
    <mergeCell ref="B15:C15"/>
    <mergeCell ref="B16:D16"/>
    <mergeCell ref="B25:F25"/>
    <mergeCell ref="C30:D30"/>
  </mergeCells>
  <conditionalFormatting sqref="D130 D106:D110 D139">
    <cfRule type="containsBlanks" dxfId="58" priority="276">
      <formula>LEN(TRIM(D106))=0</formula>
    </cfRule>
  </conditionalFormatting>
  <conditionalFormatting sqref="E165:F165">
    <cfRule type="containsBlanks" dxfId="57" priority="275">
      <formula>LEN(TRIM(E165))=0</formula>
    </cfRule>
  </conditionalFormatting>
  <conditionalFormatting sqref="C163">
    <cfRule type="containsBlanks" dxfId="56" priority="273">
      <formula>LEN(TRIM(C163))=0</formula>
    </cfRule>
  </conditionalFormatting>
  <conditionalFormatting sqref="E166:F166">
    <cfRule type="containsBlanks" dxfId="55" priority="274">
      <formula>LEN(TRIM(E166))=0</formula>
    </cfRule>
  </conditionalFormatting>
  <conditionalFormatting sqref="C165">
    <cfRule type="containsBlanks" dxfId="54" priority="272">
      <formula>LEN(TRIM(C165))=0</formula>
    </cfRule>
  </conditionalFormatting>
  <conditionalFormatting sqref="C4:C5">
    <cfRule type="containsBlanks" dxfId="53" priority="271">
      <formula>LEN(TRIM(C4))=0</formula>
    </cfRule>
  </conditionalFormatting>
  <conditionalFormatting sqref="D145">
    <cfRule type="containsBlanks" dxfId="52" priority="265">
      <formula>LEN(TRIM(D145))=0</formula>
    </cfRule>
  </conditionalFormatting>
  <conditionalFormatting sqref="C156:D156">
    <cfRule type="containsBlanks" dxfId="51" priority="261">
      <formula>LEN(TRIM(C156))=0</formula>
    </cfRule>
  </conditionalFormatting>
  <conditionalFormatting sqref="C155:D155">
    <cfRule type="containsBlanks" dxfId="50" priority="212">
      <formula>LEN(TRIM(C155))=0</formula>
    </cfRule>
  </conditionalFormatting>
  <conditionalFormatting sqref="C154:D154">
    <cfRule type="containsBlanks" dxfId="49" priority="211">
      <formula>LEN(TRIM(C154))=0</formula>
    </cfRule>
  </conditionalFormatting>
  <conditionalFormatting sqref="C157:D157">
    <cfRule type="containsBlanks" dxfId="48" priority="210">
      <formula>LEN(TRIM(C157))=0</formula>
    </cfRule>
  </conditionalFormatting>
  <conditionalFormatting sqref="D129">
    <cfRule type="containsBlanks" dxfId="47" priority="202">
      <formula>LEN(TRIM(D129))=0</formula>
    </cfRule>
  </conditionalFormatting>
  <conditionalFormatting sqref="D111:D128">
    <cfRule type="containsBlanks" dxfId="46" priority="190">
      <formula>LEN(TRIM(D111))=0</formula>
    </cfRule>
  </conditionalFormatting>
  <conditionalFormatting sqref="D146">
    <cfRule type="containsBlanks" dxfId="45" priority="186">
      <formula>LEN(TRIM(D146))=0</formula>
    </cfRule>
  </conditionalFormatting>
  <conditionalFormatting sqref="D148">
    <cfRule type="containsBlanks" dxfId="44" priority="159">
      <formula>LEN(TRIM(D148))=0</formula>
    </cfRule>
  </conditionalFormatting>
  <conditionalFormatting sqref="D147">
    <cfRule type="containsBlanks" dxfId="43" priority="157">
      <formula>LEN(TRIM(D147))=0</formula>
    </cfRule>
  </conditionalFormatting>
  <conditionalFormatting sqref="D48">
    <cfRule type="containsBlanks" dxfId="42" priority="121">
      <formula>LEN(TRIM(D48))=0</formula>
    </cfRule>
  </conditionalFormatting>
  <conditionalFormatting sqref="D49:D50">
    <cfRule type="containsBlanks" dxfId="41" priority="112">
      <formula>LEN(TRIM(D49))=0</formula>
    </cfRule>
  </conditionalFormatting>
  <conditionalFormatting sqref="D51">
    <cfRule type="containsBlanks" dxfId="40" priority="111">
      <formula>LEN(TRIM(D51))=0</formula>
    </cfRule>
  </conditionalFormatting>
  <conditionalFormatting sqref="D52">
    <cfRule type="containsBlanks" dxfId="39" priority="110">
      <formula>LEN(TRIM(D52))=0</formula>
    </cfRule>
  </conditionalFormatting>
  <conditionalFormatting sqref="D53:D54">
    <cfRule type="containsBlanks" dxfId="38" priority="109">
      <formula>LEN(TRIM(D53))=0</formula>
    </cfRule>
  </conditionalFormatting>
  <conditionalFormatting sqref="D55">
    <cfRule type="containsBlanks" dxfId="37" priority="108">
      <formula>LEN(TRIM(D55))=0</formula>
    </cfRule>
  </conditionalFormatting>
  <conditionalFormatting sqref="D56">
    <cfRule type="containsBlanks" dxfId="36" priority="107">
      <formula>LEN(TRIM(D56))=0</formula>
    </cfRule>
  </conditionalFormatting>
  <conditionalFormatting sqref="D57:D58">
    <cfRule type="containsBlanks" dxfId="35" priority="106">
      <formula>LEN(TRIM(D57))=0</formula>
    </cfRule>
  </conditionalFormatting>
  <conditionalFormatting sqref="D59">
    <cfRule type="containsBlanks" dxfId="34" priority="105">
      <formula>LEN(TRIM(D59))=0</formula>
    </cfRule>
  </conditionalFormatting>
  <conditionalFormatting sqref="D60">
    <cfRule type="containsBlanks" dxfId="33" priority="104">
      <formula>LEN(TRIM(D60))=0</formula>
    </cfRule>
  </conditionalFormatting>
  <conditionalFormatting sqref="D61 D92">
    <cfRule type="containsBlanks" dxfId="32" priority="103">
      <formula>LEN(TRIM(D61))=0</formula>
    </cfRule>
  </conditionalFormatting>
  <conditionalFormatting sqref="D93">
    <cfRule type="containsBlanks" dxfId="31" priority="102">
      <formula>LEN(TRIM(D93))=0</formula>
    </cfRule>
  </conditionalFormatting>
  <conditionalFormatting sqref="D94:D95">
    <cfRule type="containsBlanks" dxfId="30" priority="88">
      <formula>LEN(TRIM(D94))=0</formula>
    </cfRule>
  </conditionalFormatting>
  <conditionalFormatting sqref="D96">
    <cfRule type="containsBlanks" dxfId="29" priority="87">
      <formula>LEN(TRIM(D96))=0</formula>
    </cfRule>
  </conditionalFormatting>
  <conditionalFormatting sqref="D97">
    <cfRule type="containsBlanks" dxfId="28" priority="86">
      <formula>LEN(TRIM(D97))=0</formula>
    </cfRule>
  </conditionalFormatting>
  <conditionalFormatting sqref="D98:D99">
    <cfRule type="containsBlanks" dxfId="27" priority="85">
      <formula>LEN(TRIM(D98))=0</formula>
    </cfRule>
  </conditionalFormatting>
  <conditionalFormatting sqref="D100">
    <cfRule type="containsBlanks" dxfId="26" priority="84">
      <formula>LEN(TRIM(D100))=0</formula>
    </cfRule>
  </conditionalFormatting>
  <conditionalFormatting sqref="D62:D63">
    <cfRule type="containsBlanks" dxfId="25" priority="26">
      <formula>LEN(TRIM(D62))=0</formula>
    </cfRule>
  </conditionalFormatting>
  <conditionalFormatting sqref="D64">
    <cfRule type="containsBlanks" dxfId="24" priority="25">
      <formula>LEN(TRIM(D64))=0</formula>
    </cfRule>
  </conditionalFormatting>
  <conditionalFormatting sqref="D65">
    <cfRule type="containsBlanks" dxfId="23" priority="24">
      <formula>LEN(TRIM(D65))=0</formula>
    </cfRule>
  </conditionalFormatting>
  <conditionalFormatting sqref="D66:D67">
    <cfRule type="containsBlanks" dxfId="22" priority="23">
      <formula>LEN(TRIM(D66))=0</formula>
    </cfRule>
  </conditionalFormatting>
  <conditionalFormatting sqref="D87">
    <cfRule type="containsBlanks" dxfId="21" priority="22">
      <formula>LEN(TRIM(D87))=0</formula>
    </cfRule>
  </conditionalFormatting>
  <conditionalFormatting sqref="D88">
    <cfRule type="containsBlanks" dxfId="20" priority="21">
      <formula>LEN(TRIM(D88))=0</formula>
    </cfRule>
  </conditionalFormatting>
  <conditionalFormatting sqref="D89:D90">
    <cfRule type="containsBlanks" dxfId="19" priority="20">
      <formula>LEN(TRIM(D89))=0</formula>
    </cfRule>
  </conditionalFormatting>
  <conditionalFormatting sqref="D91">
    <cfRule type="containsBlanks" dxfId="18" priority="19">
      <formula>LEN(TRIM(D91))=0</formula>
    </cfRule>
  </conditionalFormatting>
  <conditionalFormatting sqref="D68:D69">
    <cfRule type="containsBlanks" dxfId="17" priority="18">
      <formula>LEN(TRIM(D68))=0</formula>
    </cfRule>
  </conditionalFormatting>
  <conditionalFormatting sqref="D70">
    <cfRule type="containsBlanks" dxfId="16" priority="17">
      <formula>LEN(TRIM(D70))=0</formula>
    </cfRule>
  </conditionalFormatting>
  <conditionalFormatting sqref="D71">
    <cfRule type="containsBlanks" dxfId="15" priority="16">
      <formula>LEN(TRIM(D71))=0</formula>
    </cfRule>
  </conditionalFormatting>
  <conditionalFormatting sqref="D72:D73">
    <cfRule type="containsBlanks" dxfId="14" priority="15">
      <formula>LEN(TRIM(D72))=0</formula>
    </cfRule>
  </conditionalFormatting>
  <conditionalFormatting sqref="D74">
    <cfRule type="containsBlanks" dxfId="13" priority="14">
      <formula>LEN(TRIM(D74))=0</formula>
    </cfRule>
  </conditionalFormatting>
  <conditionalFormatting sqref="D75">
    <cfRule type="containsBlanks" dxfId="12" priority="13">
      <formula>LEN(TRIM(D75))=0</formula>
    </cfRule>
  </conditionalFormatting>
  <conditionalFormatting sqref="D76:D77">
    <cfRule type="containsBlanks" dxfId="11" priority="12">
      <formula>LEN(TRIM(D76))=0</formula>
    </cfRule>
  </conditionalFormatting>
  <conditionalFormatting sqref="D78">
    <cfRule type="containsBlanks" dxfId="10" priority="11">
      <formula>LEN(TRIM(D78))=0</formula>
    </cfRule>
  </conditionalFormatting>
  <conditionalFormatting sqref="D79">
    <cfRule type="containsBlanks" dxfId="9" priority="10">
      <formula>LEN(TRIM(D79))=0</formula>
    </cfRule>
  </conditionalFormatting>
  <conditionalFormatting sqref="D80">
    <cfRule type="containsBlanks" dxfId="8" priority="9">
      <formula>LEN(TRIM(D80))=0</formula>
    </cfRule>
  </conditionalFormatting>
  <conditionalFormatting sqref="D81:D82">
    <cfRule type="containsBlanks" dxfId="7" priority="8">
      <formula>LEN(TRIM(D81))=0</formula>
    </cfRule>
  </conditionalFormatting>
  <conditionalFormatting sqref="D83">
    <cfRule type="containsBlanks" dxfId="6" priority="7">
      <formula>LEN(TRIM(D83))=0</formula>
    </cfRule>
  </conditionalFormatting>
  <conditionalFormatting sqref="D84">
    <cfRule type="containsBlanks" dxfId="5" priority="6">
      <formula>LEN(TRIM(D84))=0</formula>
    </cfRule>
  </conditionalFormatting>
  <conditionalFormatting sqref="D85:D86">
    <cfRule type="containsBlanks" dxfId="4" priority="5">
      <formula>LEN(TRIM(D85))=0</formula>
    </cfRule>
  </conditionalFormatting>
  <conditionalFormatting sqref="D131:D133">
    <cfRule type="containsBlanks" dxfId="3" priority="4">
      <formula>LEN(TRIM(D131))=0</formula>
    </cfRule>
  </conditionalFormatting>
  <conditionalFormatting sqref="D134">
    <cfRule type="containsBlanks" dxfId="2" priority="3">
      <formula>LEN(TRIM(D134))=0</formula>
    </cfRule>
  </conditionalFormatting>
  <conditionalFormatting sqref="D135:D136">
    <cfRule type="containsBlanks" dxfId="1" priority="2">
      <formula>LEN(TRIM(D135))=0</formula>
    </cfRule>
  </conditionalFormatting>
  <conditionalFormatting sqref="D137:D138">
    <cfRule type="containsBlanks" dxfId="0" priority="1">
      <formula>LEN(TRIM(D137))=0</formula>
    </cfRule>
  </conditionalFormatting>
  <printOptions horizontalCentered="1"/>
  <pageMargins left="0.70866141732283472" right="0.70866141732283472" top="0.9055118110236221" bottom="0.74803149606299213" header="0.31496062992125984" footer="0.31496062992125984"/>
  <pageSetup paperSize="9" scale="52"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40</xdr:row>
                    <xdr:rowOff>9525</xdr:rowOff>
                  </from>
                  <to>
                    <xdr:col>1</xdr:col>
                    <xdr:colOff>885825</xdr:colOff>
                    <xdr:row>4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41</xdr:row>
                    <xdr:rowOff>0</xdr:rowOff>
                  </from>
                  <to>
                    <xdr:col>1</xdr:col>
                    <xdr:colOff>885825</xdr:colOff>
                    <xdr:row>4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06T11:41:56Z</cp:lastPrinted>
  <dcterms:created xsi:type="dcterms:W3CDTF">2017-04-21T05:51:15Z</dcterms:created>
  <dcterms:modified xsi:type="dcterms:W3CDTF">2024-02-16T09:53:07Z</dcterms:modified>
</cp:coreProperties>
</file>